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kfs01\s1321\group\01_調整グループ\02_バリアフリーの街づくり\007_施行施策\02_条例の運用\012_Check a toilet／オープンデータ化\オープンデータ化（R1.3～）\★HP公開中のオープンデータ（最新）\"/>
    </mc:Choice>
  </mc:AlternateContent>
  <bookViews>
    <workbookView xWindow="0" yWindow="0" windowWidth="11610" windowHeight="7170"/>
  </bookViews>
  <sheets>
    <sheet name="Sheet1" sheetId="1" r:id="rId1"/>
  </sheets>
  <definedNames>
    <definedName name="_xlnm._FilterDatabase" localSheetId="0" hidden="1">Sheet1!$A$1:$I$1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A62" i="1" l="1"/>
  <c r="A63" i="1" s="1"/>
  <c r="A64" i="1" s="1"/>
  <c r="A65" i="1" s="1"/>
  <c r="A66" i="1" s="1"/>
  <c r="A67" i="1" s="1"/>
  <c r="A68" i="1" s="1"/>
  <c r="A3" i="1" l="1"/>
  <c r="A4" i="1" s="1"/>
  <c r="A5" i="1" s="1"/>
  <c r="A6" i="1" s="1"/>
  <c r="A7" i="1" s="1"/>
  <c r="A8" i="1" s="1"/>
  <c r="A9" i="1" s="1"/>
  <c r="A10" i="1" s="1"/>
  <c r="A11" i="1" s="1"/>
  <c r="A12" i="1" s="1"/>
  <c r="A13" i="1" s="1"/>
  <c r="A14" i="1" s="1"/>
  <c r="A15" i="1" s="1"/>
  <c r="A16" i="1" s="1"/>
  <c r="A17" i="1" s="1"/>
  <c r="A18" i="1" s="1"/>
  <c r="A19" i="1" s="1"/>
  <c r="A20" i="1" s="1"/>
  <c r="A21" i="1" s="1"/>
  <c r="A22" i="1" s="1"/>
  <c r="A23" i="1" s="1"/>
  <c r="A24" i="1" s="1"/>
  <c r="A25" i="1" s="1"/>
  <c r="A26" i="1" s="1"/>
  <c r="A27" i="1" s="1"/>
  <c r="A28" i="1" s="1"/>
  <c r="A29" i="1" s="1"/>
  <c r="A30" i="1" s="1"/>
  <c r="A31" i="1" s="1"/>
  <c r="A32" i="1" s="1"/>
  <c r="A33" i="1" s="1"/>
  <c r="A34" i="1" s="1"/>
  <c r="A35" i="1" s="1"/>
  <c r="A36" i="1" s="1"/>
  <c r="A37" i="1" s="1"/>
  <c r="A38" i="1" s="1"/>
  <c r="A39" i="1" s="1"/>
  <c r="A40" i="1" s="1"/>
  <c r="A41" i="1" s="1"/>
  <c r="A42" i="1" l="1"/>
  <c r="A43" i="1" s="1"/>
  <c r="A44" i="1" s="1"/>
  <c r="A45" i="1" s="1"/>
  <c r="A46" i="1" s="1"/>
  <c r="A47" i="1" s="1"/>
  <c r="A48" i="1" s="1"/>
  <c r="A49" i="1" s="1"/>
  <c r="A50" i="1" s="1"/>
  <c r="A51" i="1" s="1"/>
  <c r="A52" i="1" s="1"/>
  <c r="A53" i="1" s="1"/>
  <c r="A54" i="1" l="1"/>
  <c r="A55" i="1" s="1"/>
  <c r="A56" i="1" s="1"/>
  <c r="A57" i="1" s="1"/>
  <c r="A58" i="1" s="1"/>
  <c r="A59" i="1" s="1"/>
  <c r="A60" i="1" s="1"/>
  <c r="A61" i="1" s="1"/>
</calcChain>
</file>

<file path=xl/sharedStrings.xml><?xml version="1.0" encoding="utf-8"?>
<sst xmlns="http://schemas.openxmlformats.org/spreadsheetml/2006/main" count="233" uniqueCount="158">
  <si>
    <t>note</t>
    <phoneticPr fontId="1"/>
  </si>
  <si>
    <t>status</t>
    <phoneticPr fontId="1"/>
  </si>
  <si>
    <t>ostomate</t>
    <phoneticPr fontId="1"/>
  </si>
  <si>
    <t>Toilettype_multi</t>
    <phoneticPr fontId="1"/>
  </si>
  <si>
    <t>address</t>
    <phoneticPr fontId="1"/>
  </si>
  <si>
    <t>name_ja</t>
    <phoneticPr fontId="1"/>
  </si>
  <si>
    <t>date</t>
    <phoneticPr fontId="1"/>
  </si>
  <si>
    <t>facil_id</t>
    <phoneticPr fontId="1"/>
  </si>
  <si>
    <t>facil_type</t>
    <phoneticPr fontId="1"/>
  </si>
  <si>
    <t>茶屋本陣　畔屋</t>
    <rPh sb="0" eb="2">
      <t>チャヤ</t>
    </rPh>
    <rPh sb="2" eb="4">
      <t>ホンジン</t>
    </rPh>
    <rPh sb="5" eb="6">
      <t>ホトリ</t>
    </rPh>
    <rPh sb="6" eb="7">
      <t>ヤ</t>
    </rPh>
    <phoneticPr fontId="1"/>
  </si>
  <si>
    <t>神奈川県足柄下郡箱根町箱根161-1</t>
    <rPh sb="0" eb="4">
      <t>カナガワケン</t>
    </rPh>
    <rPh sb="4" eb="8">
      <t>アシガラシモグン</t>
    </rPh>
    <rPh sb="8" eb="11">
      <t>ハコネマチ</t>
    </rPh>
    <rPh sb="11" eb="13">
      <t>ハコネ</t>
    </rPh>
    <phoneticPr fontId="1"/>
  </si>
  <si>
    <t>神奈川県厚木市戸田2446-15</t>
    <rPh sb="0" eb="4">
      <t>カナガワケン</t>
    </rPh>
    <rPh sb="4" eb="7">
      <t>アツギシ</t>
    </rPh>
    <rPh sb="7" eb="9">
      <t>トダ</t>
    </rPh>
    <phoneticPr fontId="1"/>
  </si>
  <si>
    <t>アルベリアールホーム</t>
    <phoneticPr fontId="1"/>
  </si>
  <si>
    <t>神奈川県平塚市平塚3-8-1</t>
    <rPh sb="0" eb="4">
      <t>カナガワケン</t>
    </rPh>
    <rPh sb="4" eb="7">
      <t>ヒラツカシ</t>
    </rPh>
    <rPh sb="7" eb="9">
      <t>ヒラツカ</t>
    </rPh>
    <phoneticPr fontId="1"/>
  </si>
  <si>
    <t>神奈川県大和市西鶴間3-13-23</t>
    <rPh sb="0" eb="4">
      <t>カナガワケン</t>
    </rPh>
    <rPh sb="4" eb="7">
      <t>ヤマトシ</t>
    </rPh>
    <rPh sb="7" eb="8">
      <t>ニシ</t>
    </rPh>
    <rPh sb="8" eb="10">
      <t>ツルマ</t>
    </rPh>
    <phoneticPr fontId="1"/>
  </si>
  <si>
    <t>平塚市立崇善公民館</t>
    <rPh sb="0" eb="2">
      <t>ヒラツカ</t>
    </rPh>
    <rPh sb="2" eb="4">
      <t>シリツ</t>
    </rPh>
    <rPh sb="4" eb="5">
      <t>タカシ</t>
    </rPh>
    <rPh sb="5" eb="6">
      <t>ゼン</t>
    </rPh>
    <rPh sb="6" eb="9">
      <t>コウミンカン</t>
    </rPh>
    <phoneticPr fontId="1"/>
  </si>
  <si>
    <t>神奈川県平塚市見附町1-8</t>
    <rPh sb="0" eb="4">
      <t>カナガワケン</t>
    </rPh>
    <rPh sb="4" eb="7">
      <t>ヒラツカシ</t>
    </rPh>
    <rPh sb="7" eb="9">
      <t>ミツケ</t>
    </rPh>
    <rPh sb="9" eb="10">
      <t>チョウ</t>
    </rPh>
    <phoneticPr fontId="1"/>
  </si>
  <si>
    <t>中央公園　管理棟</t>
    <rPh sb="0" eb="2">
      <t>チュウオウ</t>
    </rPh>
    <rPh sb="2" eb="4">
      <t>コウエン</t>
    </rPh>
    <rPh sb="5" eb="7">
      <t>カンリ</t>
    </rPh>
    <rPh sb="7" eb="8">
      <t>トウ</t>
    </rPh>
    <phoneticPr fontId="1"/>
  </si>
  <si>
    <t>神奈川県茅ヶ崎市茅ヶ崎2-3-1</t>
    <rPh sb="0" eb="4">
      <t>カナガワケン</t>
    </rPh>
    <rPh sb="4" eb="8">
      <t>チガサキシ</t>
    </rPh>
    <rPh sb="8" eb="11">
      <t>チガサキ</t>
    </rPh>
    <phoneticPr fontId="1"/>
  </si>
  <si>
    <t>道の駅　足柄・金太郎のふるさと</t>
    <rPh sb="0" eb="1">
      <t>ミチ</t>
    </rPh>
    <rPh sb="2" eb="3">
      <t>エキ</t>
    </rPh>
    <rPh sb="4" eb="6">
      <t>アシガラ</t>
    </rPh>
    <rPh sb="7" eb="10">
      <t>キンタロウ</t>
    </rPh>
    <phoneticPr fontId="1"/>
  </si>
  <si>
    <t>神奈川県南足柄市竹松1117-1</t>
    <rPh sb="0" eb="4">
      <t>カナガワケン</t>
    </rPh>
    <rPh sb="4" eb="8">
      <t>ミナミアシガラシ</t>
    </rPh>
    <rPh sb="8" eb="10">
      <t>タケマツ</t>
    </rPh>
    <phoneticPr fontId="1"/>
  </si>
  <si>
    <t>神奈川県藤沢市天神町2-6-3</t>
    <rPh sb="0" eb="4">
      <t>カナガワケン</t>
    </rPh>
    <rPh sb="4" eb="7">
      <t>フジサワシ</t>
    </rPh>
    <rPh sb="7" eb="10">
      <t>テンジンチョウ</t>
    </rPh>
    <phoneticPr fontId="1"/>
  </si>
  <si>
    <t>MEGAドン・キホーテ秦野店</t>
    <rPh sb="11" eb="14">
      <t>ハダノテン</t>
    </rPh>
    <phoneticPr fontId="1"/>
  </si>
  <si>
    <t>神奈川県秦野市平沢530-2</t>
    <rPh sb="0" eb="4">
      <t>カナガワケン</t>
    </rPh>
    <rPh sb="4" eb="7">
      <t>ハダノシ</t>
    </rPh>
    <rPh sb="7" eb="9">
      <t>ヒラサワ</t>
    </rPh>
    <phoneticPr fontId="1"/>
  </si>
  <si>
    <t>神奈川県座間市東原1-10-62</t>
    <rPh sb="0" eb="4">
      <t>カナガワケン</t>
    </rPh>
    <rPh sb="4" eb="7">
      <t>ザマシ</t>
    </rPh>
    <rPh sb="7" eb="9">
      <t>ヒガシハラ</t>
    </rPh>
    <phoneticPr fontId="1"/>
  </si>
  <si>
    <t>「適合証交付日、または、公表日」に記載の日にち時点での情報です。</t>
    <phoneticPr fontId="1"/>
  </si>
  <si>
    <t>社会福祉法人慈湧会　緑の家</t>
    <rPh sb="0" eb="2">
      <t>シャカイ</t>
    </rPh>
    <rPh sb="2" eb="4">
      <t>フクシ</t>
    </rPh>
    <rPh sb="4" eb="6">
      <t>ホウジン</t>
    </rPh>
    <rPh sb="6" eb="7">
      <t>ジ</t>
    </rPh>
    <rPh sb="7" eb="8">
      <t>ユウ</t>
    </rPh>
    <rPh sb="8" eb="9">
      <t>カイ</t>
    </rPh>
    <rPh sb="10" eb="11">
      <t>ミドリ</t>
    </rPh>
    <rPh sb="12" eb="13">
      <t>イエ</t>
    </rPh>
    <phoneticPr fontId="1"/>
  </si>
  <si>
    <t>座間市消防本部消防署</t>
    <rPh sb="0" eb="3">
      <t>ザマシ</t>
    </rPh>
    <rPh sb="3" eb="5">
      <t>ショウボウ</t>
    </rPh>
    <rPh sb="5" eb="7">
      <t>ホンブ</t>
    </rPh>
    <rPh sb="7" eb="10">
      <t>ショウボウショ</t>
    </rPh>
    <phoneticPr fontId="1"/>
  </si>
  <si>
    <t>津久井合同庁舎</t>
    <rPh sb="0" eb="3">
      <t>ツクイ</t>
    </rPh>
    <rPh sb="3" eb="5">
      <t>ゴウドウ</t>
    </rPh>
    <rPh sb="5" eb="7">
      <t>チョウシャ</t>
    </rPh>
    <phoneticPr fontId="1"/>
  </si>
  <si>
    <t>金時公園公衆トイレ</t>
    <rPh sb="0" eb="1">
      <t>カネ</t>
    </rPh>
    <rPh sb="2" eb="4">
      <t>コウエン</t>
    </rPh>
    <rPh sb="4" eb="6">
      <t>コウシュウ</t>
    </rPh>
    <phoneticPr fontId="1"/>
  </si>
  <si>
    <t>箱根町消防署　湯本分署</t>
    <rPh sb="0" eb="2">
      <t>ハコネ</t>
    </rPh>
    <rPh sb="2" eb="3">
      <t>マチ</t>
    </rPh>
    <rPh sb="3" eb="6">
      <t>ショウボウショ</t>
    </rPh>
    <rPh sb="7" eb="9">
      <t>ユモト</t>
    </rPh>
    <rPh sb="9" eb="11">
      <t>ブンショ</t>
    </rPh>
    <phoneticPr fontId="1"/>
  </si>
  <si>
    <t>大和市立北大和小学校</t>
    <rPh sb="0" eb="3">
      <t>ヤマトシ</t>
    </rPh>
    <rPh sb="3" eb="4">
      <t>タ</t>
    </rPh>
    <rPh sb="4" eb="5">
      <t>キタ</t>
    </rPh>
    <rPh sb="5" eb="7">
      <t>ヤマト</t>
    </rPh>
    <rPh sb="7" eb="10">
      <t>ショウガッコウ</t>
    </rPh>
    <phoneticPr fontId="1"/>
  </si>
  <si>
    <t>浦賀警察署</t>
    <rPh sb="0" eb="2">
      <t>ウラガ</t>
    </rPh>
    <rPh sb="2" eb="5">
      <t>ケイサツショ</t>
    </rPh>
    <phoneticPr fontId="1"/>
  </si>
  <si>
    <t>住宅型有料老人ホーム　陽だまりの家</t>
    <rPh sb="0" eb="2">
      <t>ジュウタク</t>
    </rPh>
    <rPh sb="2" eb="3">
      <t>ガタ</t>
    </rPh>
    <rPh sb="3" eb="5">
      <t>ユウリョウ</t>
    </rPh>
    <rPh sb="5" eb="7">
      <t>ロウジン</t>
    </rPh>
    <rPh sb="11" eb="12">
      <t>ヒ</t>
    </rPh>
    <rPh sb="16" eb="17">
      <t>イエ</t>
    </rPh>
    <phoneticPr fontId="1"/>
  </si>
  <si>
    <t>中栄信用金庫　秦野駅前支店</t>
    <rPh sb="0" eb="1">
      <t>ナカ</t>
    </rPh>
    <rPh sb="1" eb="2">
      <t>サカエ</t>
    </rPh>
    <rPh sb="2" eb="4">
      <t>シンヨウ</t>
    </rPh>
    <rPh sb="4" eb="6">
      <t>キンコ</t>
    </rPh>
    <rPh sb="7" eb="9">
      <t>ハダノ</t>
    </rPh>
    <rPh sb="9" eb="11">
      <t>エキマエ</t>
    </rPh>
    <rPh sb="11" eb="13">
      <t>シテン</t>
    </rPh>
    <phoneticPr fontId="1"/>
  </si>
  <si>
    <t>高座クリーンセンター</t>
    <rPh sb="0" eb="1">
      <t>タカ</t>
    </rPh>
    <phoneticPr fontId="1"/>
  </si>
  <si>
    <t>藤沢市役所</t>
    <rPh sb="0" eb="2">
      <t>フジサワ</t>
    </rPh>
    <rPh sb="2" eb="5">
      <t>シヤクショ</t>
    </rPh>
    <phoneticPr fontId="1"/>
  </si>
  <si>
    <t>海老名市消防署西分署</t>
    <rPh sb="0" eb="4">
      <t>エビナシ</t>
    </rPh>
    <rPh sb="4" eb="7">
      <t>ショウボウショ</t>
    </rPh>
    <rPh sb="7" eb="8">
      <t>ニシ</t>
    </rPh>
    <rPh sb="8" eb="10">
      <t>ブンショ</t>
    </rPh>
    <phoneticPr fontId="1"/>
  </si>
  <si>
    <t>平塚市民病院</t>
    <rPh sb="0" eb="2">
      <t>ヒラツカ</t>
    </rPh>
    <rPh sb="2" eb="4">
      <t>シミン</t>
    </rPh>
    <rPh sb="4" eb="6">
      <t>ビョウイン</t>
    </rPh>
    <phoneticPr fontId="1"/>
  </si>
  <si>
    <t>神奈川県秦野市尾尻943-1</t>
    <phoneticPr fontId="1"/>
  </si>
  <si>
    <t>はだのクリーンセンター</t>
    <phoneticPr fontId="1"/>
  </si>
  <si>
    <t>神奈川県海老名市めぐみ町2-1</t>
    <phoneticPr fontId="1"/>
  </si>
  <si>
    <t>三笠ターミナル</t>
    <rPh sb="0" eb="2">
      <t>ミカサ</t>
    </rPh>
    <phoneticPr fontId="1"/>
  </si>
  <si>
    <t>厚木市立病院</t>
    <rPh sb="0" eb="2">
      <t>アツギ</t>
    </rPh>
    <rPh sb="2" eb="3">
      <t>シ</t>
    </rPh>
    <rPh sb="3" eb="4">
      <t>リツ</t>
    </rPh>
    <rPh sb="4" eb="6">
      <t>ビョウイン</t>
    </rPh>
    <phoneticPr fontId="1"/>
  </si>
  <si>
    <t>茅ヶ崎公園体験学習センター</t>
    <rPh sb="0" eb="3">
      <t>チガサキ</t>
    </rPh>
    <rPh sb="3" eb="5">
      <t>コウエン</t>
    </rPh>
    <rPh sb="5" eb="7">
      <t>タイケン</t>
    </rPh>
    <rPh sb="7" eb="9">
      <t>ガクシュウ</t>
    </rPh>
    <phoneticPr fontId="1"/>
  </si>
  <si>
    <t>神奈川県立相原高等学校</t>
    <rPh sb="0" eb="5">
      <t>カナガワケンリツ</t>
    </rPh>
    <rPh sb="5" eb="7">
      <t>アイハラ</t>
    </rPh>
    <rPh sb="7" eb="9">
      <t>コウトウ</t>
    </rPh>
    <rPh sb="9" eb="11">
      <t>ガッコウ</t>
    </rPh>
    <phoneticPr fontId="1"/>
  </si>
  <si>
    <t>大磯町美化センター・リサイクルセンター</t>
    <rPh sb="0" eb="2">
      <t>オオイソ</t>
    </rPh>
    <rPh sb="2" eb="3">
      <t>チョウ</t>
    </rPh>
    <rPh sb="3" eb="5">
      <t>ビカ</t>
    </rPh>
    <phoneticPr fontId="1"/>
  </si>
  <si>
    <t>金田東老人憩の家・金田児童館</t>
    <rPh sb="0" eb="1">
      <t>カネ</t>
    </rPh>
    <rPh sb="1" eb="2">
      <t>タ</t>
    </rPh>
    <rPh sb="2" eb="3">
      <t>ヒガシ</t>
    </rPh>
    <rPh sb="3" eb="5">
      <t>ロウジン</t>
    </rPh>
    <rPh sb="5" eb="6">
      <t>イコ</t>
    </rPh>
    <rPh sb="7" eb="8">
      <t>イエ</t>
    </rPh>
    <rPh sb="9" eb="11">
      <t>カネダ</t>
    </rPh>
    <rPh sb="11" eb="14">
      <t>ジドウカン</t>
    </rPh>
    <phoneticPr fontId="1"/>
  </si>
  <si>
    <t>あつぎ郷土博物館</t>
    <rPh sb="3" eb="5">
      <t>キョウド</t>
    </rPh>
    <rPh sb="5" eb="8">
      <t>ハクブツカン</t>
    </rPh>
    <phoneticPr fontId="1"/>
  </si>
  <si>
    <t>早雲山駅</t>
    <rPh sb="0" eb="3">
      <t>ソウウンザン</t>
    </rPh>
    <rPh sb="3" eb="4">
      <t>エキ</t>
    </rPh>
    <phoneticPr fontId="1"/>
  </si>
  <si>
    <t>海老名市立国分寺台文化センター</t>
    <rPh sb="0" eb="3">
      <t>エビナ</t>
    </rPh>
    <rPh sb="3" eb="4">
      <t>シ</t>
    </rPh>
    <rPh sb="4" eb="5">
      <t>リツ</t>
    </rPh>
    <rPh sb="5" eb="8">
      <t>コクブンジ</t>
    </rPh>
    <rPh sb="8" eb="9">
      <t>ダイ</t>
    </rPh>
    <rPh sb="9" eb="11">
      <t>ブンカ</t>
    </rPh>
    <phoneticPr fontId="1"/>
  </si>
  <si>
    <t>ほうあん地域支援センターまある</t>
    <rPh sb="4" eb="6">
      <t>チイキ</t>
    </rPh>
    <rPh sb="6" eb="8">
      <t>シエン</t>
    </rPh>
    <phoneticPr fontId="1"/>
  </si>
  <si>
    <t>神奈川県小田原市本町2-4-12</t>
    <phoneticPr fontId="1"/>
  </si>
  <si>
    <t>神奈川県厚木市下川入1366-4</t>
    <phoneticPr fontId="1"/>
  </si>
  <si>
    <t>神奈川県中郡大磯町虫窪53</t>
    <phoneticPr fontId="1"/>
  </si>
  <si>
    <t>神奈川県相模原市緑区中野937-2</t>
    <rPh sb="0" eb="4">
      <t>カナガワケン</t>
    </rPh>
    <phoneticPr fontId="1"/>
  </si>
  <si>
    <t>神奈川県大和市下鶴間685</t>
    <rPh sb="0" eb="4">
      <t>カナガワケン</t>
    </rPh>
    <phoneticPr fontId="1"/>
  </si>
  <si>
    <t>神奈川県南足柄市岩原145-2</t>
    <rPh sb="0" eb="4">
      <t>カナガワケン</t>
    </rPh>
    <phoneticPr fontId="1"/>
  </si>
  <si>
    <t>神奈川県秦野市曽屋4624</t>
    <rPh sb="0" eb="4">
      <t>カナガワケン</t>
    </rPh>
    <phoneticPr fontId="1"/>
  </si>
  <si>
    <t>神奈川県横須賀市小川町27-16</t>
    <rPh sb="0" eb="4">
      <t>カナガワケン</t>
    </rPh>
    <phoneticPr fontId="1"/>
  </si>
  <si>
    <t>神奈川県足柄下郡箱根町強羅字強羅1300-328</t>
    <rPh sb="0" eb="4">
      <t>カナガワケン</t>
    </rPh>
    <phoneticPr fontId="1"/>
  </si>
  <si>
    <t>神奈川県藤沢市朝日町1-1</t>
    <rPh sb="0" eb="4">
      <t>カナガワケン</t>
    </rPh>
    <phoneticPr fontId="1"/>
  </si>
  <si>
    <t>神奈川県座間市相武台1-48-1</t>
    <phoneticPr fontId="1"/>
  </si>
  <si>
    <t>神奈川県足柄下郡箱根町仙石原1181-58</t>
    <rPh sb="0" eb="4">
      <t>カナガワケン</t>
    </rPh>
    <phoneticPr fontId="1"/>
  </si>
  <si>
    <t>神奈川県箱根町湯本263-3</t>
    <rPh sb="0" eb="4">
      <t>カナガワケン</t>
    </rPh>
    <phoneticPr fontId="1"/>
  </si>
  <si>
    <t>神奈川県横須賀市久里浜1-18-1</t>
    <rPh sb="0" eb="4">
      <t>カナガワケン</t>
    </rPh>
    <phoneticPr fontId="1"/>
  </si>
  <si>
    <t>神奈川県海老名市本郷1-1</t>
    <rPh sb="0" eb="4">
      <t>カナガワケン</t>
    </rPh>
    <phoneticPr fontId="1"/>
  </si>
  <si>
    <t>神奈川県海老名市上今泉2027-1</t>
    <rPh sb="0" eb="4">
      <t>カナガワケン</t>
    </rPh>
    <phoneticPr fontId="1"/>
  </si>
  <si>
    <t>神奈川県平塚市南原1-19-1</t>
    <rPh sb="0" eb="4">
      <t>カナガワケン</t>
    </rPh>
    <phoneticPr fontId="1"/>
  </si>
  <si>
    <t>神奈川県厚木市水引1-16-36</t>
    <phoneticPr fontId="1"/>
  </si>
  <si>
    <t>神奈川県茅ヶ崎市中海岸3-3-9</t>
    <rPh sb="0" eb="4">
      <t>カナガワケン</t>
    </rPh>
    <phoneticPr fontId="1"/>
  </si>
  <si>
    <t>神奈川県相模原市緑区橋本台4-2-1</t>
    <rPh sb="0" eb="4">
      <t>カナガワケン</t>
    </rPh>
    <phoneticPr fontId="1"/>
  </si>
  <si>
    <t>神奈川県厚木市田村町1-26</t>
    <rPh sb="0" eb="4">
      <t>カナガワケン</t>
    </rPh>
    <phoneticPr fontId="1"/>
  </si>
  <si>
    <t>神奈川県厚木市金田775-10</t>
    <rPh sb="0" eb="4">
      <t>カナガワケン</t>
    </rPh>
    <phoneticPr fontId="1"/>
  </si>
  <si>
    <t>神奈川県海老名市国分寺台2-10-23</t>
    <rPh sb="0" eb="4">
      <t>カナガワケン</t>
    </rPh>
    <phoneticPr fontId="1"/>
  </si>
  <si>
    <t>ビナガーデンズ　テラス</t>
    <phoneticPr fontId="1"/>
  </si>
  <si>
    <t>4、5</t>
    <phoneticPr fontId="1"/>
  </si>
  <si>
    <t>5、6</t>
    <phoneticPr fontId="1"/>
  </si>
  <si>
    <t>リハビリケア湘南厚木</t>
    <rPh sb="6" eb="8">
      <t>ショウナン</t>
    </rPh>
    <rPh sb="8" eb="10">
      <t>アツギ</t>
    </rPh>
    <phoneticPr fontId="1"/>
  </si>
  <si>
    <t>家族葬のセレモニーハウス大和</t>
    <rPh sb="0" eb="2">
      <t>カゾク</t>
    </rPh>
    <rPh sb="12" eb="14">
      <t>ヤマト</t>
    </rPh>
    <phoneticPr fontId="1"/>
  </si>
  <si>
    <t>うぃず天神</t>
    <rPh sb="3" eb="5">
      <t>テンジン</t>
    </rPh>
    <phoneticPr fontId="1"/>
  </si>
  <si>
    <t>ヨークフーズ厚木店</t>
    <rPh sb="6" eb="8">
      <t>アツギ</t>
    </rPh>
    <rPh sb="8" eb="9">
      <t>テン</t>
    </rPh>
    <phoneticPr fontId="1"/>
  </si>
  <si>
    <t>「適合証交付日、または、公表日」に記載の日にち時点での情報です。</t>
    <phoneticPr fontId="1"/>
  </si>
  <si>
    <t>神奈川県相模原市緑区橋本1-12-26</t>
    <rPh sb="0" eb="4">
      <t>カナガワケン</t>
    </rPh>
    <phoneticPr fontId="1"/>
  </si>
  <si>
    <t>横須賀ごみ処理施設</t>
    <rPh sb="0" eb="3">
      <t>ヨコスカ</t>
    </rPh>
    <rPh sb="5" eb="7">
      <t>ショリ</t>
    </rPh>
    <rPh sb="7" eb="9">
      <t>シセツ</t>
    </rPh>
    <phoneticPr fontId="1"/>
  </si>
  <si>
    <t>神奈川県横須賀市長坂5-1-1</t>
    <rPh sb="0" eb="4">
      <t>カナガワケン</t>
    </rPh>
    <rPh sb="4" eb="8">
      <t>ヨコスカシ</t>
    </rPh>
    <rPh sb="8" eb="10">
      <t>ナガサカ</t>
    </rPh>
    <phoneticPr fontId="1"/>
  </si>
  <si>
    <t>動物愛護センター</t>
    <rPh sb="0" eb="4">
      <t>ドウブツアイゴ</t>
    </rPh>
    <phoneticPr fontId="1"/>
  </si>
  <si>
    <t>ロマンスカーミュージアム</t>
    <phoneticPr fontId="1"/>
  </si>
  <si>
    <t>海老名市立有馬図書館及び門沢橋コミュニティセンター</t>
    <phoneticPr fontId="1"/>
  </si>
  <si>
    <t>神奈川県立スポーツセンター</t>
    <rPh sb="0" eb="5">
      <t>カナガワケンリツ</t>
    </rPh>
    <phoneticPr fontId="1"/>
  </si>
  <si>
    <t>江の島入り口トイレ</t>
    <rPh sb="0" eb="1">
      <t>エ</t>
    </rPh>
    <rPh sb="2" eb="4">
      <t>シマイ</t>
    </rPh>
    <rPh sb="5" eb="6">
      <t>グチ</t>
    </rPh>
    <phoneticPr fontId="1"/>
  </si>
  <si>
    <t>神奈川県平塚市土屋字舞ヶ窪401</t>
    <rPh sb="0" eb="4">
      <t>カナガワケン</t>
    </rPh>
    <rPh sb="4" eb="7">
      <t>ヒラツカシ</t>
    </rPh>
    <rPh sb="7" eb="9">
      <t>ツチヤ</t>
    </rPh>
    <rPh sb="9" eb="10">
      <t>アザ</t>
    </rPh>
    <rPh sb="10" eb="11">
      <t>マイ</t>
    </rPh>
    <rPh sb="12" eb="13">
      <t>クボ</t>
    </rPh>
    <phoneticPr fontId="1"/>
  </si>
  <si>
    <t>神奈川県海老名市めぐみ町1番3号</t>
    <rPh sb="0" eb="4">
      <t>カナガワケン</t>
    </rPh>
    <rPh sb="4" eb="8">
      <t>エビナシ</t>
    </rPh>
    <rPh sb="11" eb="12">
      <t>マチ</t>
    </rPh>
    <rPh sb="13" eb="14">
      <t>バン</t>
    </rPh>
    <rPh sb="15" eb="16">
      <t>ゴウ</t>
    </rPh>
    <phoneticPr fontId="1"/>
  </si>
  <si>
    <t>神奈川県海老名市門沢橋一丁目20番41号</t>
    <rPh sb="0" eb="4">
      <t>カナガワケン</t>
    </rPh>
    <rPh sb="4" eb="8">
      <t>エビナシ</t>
    </rPh>
    <rPh sb="8" eb="9">
      <t>モン</t>
    </rPh>
    <rPh sb="9" eb="10">
      <t>サワ</t>
    </rPh>
    <rPh sb="10" eb="11">
      <t>ハシ</t>
    </rPh>
    <rPh sb="11" eb="14">
      <t>１チョウメ</t>
    </rPh>
    <rPh sb="16" eb="17">
      <t>バン</t>
    </rPh>
    <rPh sb="19" eb="20">
      <t>ゴウ</t>
    </rPh>
    <phoneticPr fontId="1"/>
  </si>
  <si>
    <t>神奈川県藤沢市江の島1丁目217番</t>
    <rPh sb="0" eb="4">
      <t>カナガワケン</t>
    </rPh>
    <rPh sb="4" eb="7">
      <t>フジサワシ</t>
    </rPh>
    <rPh sb="7" eb="8">
      <t>エ</t>
    </rPh>
    <rPh sb="9" eb="10">
      <t>シマ</t>
    </rPh>
    <rPh sb="11" eb="13">
      <t>チョウメ</t>
    </rPh>
    <rPh sb="16" eb="17">
      <t>バン</t>
    </rPh>
    <phoneticPr fontId="1"/>
  </si>
  <si>
    <t>N-stage Fujisawa</t>
    <phoneticPr fontId="1"/>
  </si>
  <si>
    <t>神奈川県藤沢市川名1丁目1-28</t>
    <rPh sb="0" eb="4">
      <t>カナガワケン</t>
    </rPh>
    <phoneticPr fontId="1"/>
  </si>
  <si>
    <t>橋本こどもセンター</t>
    <rPh sb="0" eb="2">
      <t>ハシモト</t>
    </rPh>
    <phoneticPr fontId="1"/>
  </si>
  <si>
    <t>平塚市消防署本署</t>
    <rPh sb="0" eb="3">
      <t>ヒラツカシ</t>
    </rPh>
    <rPh sb="3" eb="6">
      <t>ショウボウショ</t>
    </rPh>
    <rPh sb="6" eb="8">
      <t>ホンショ</t>
    </rPh>
    <phoneticPr fontId="1"/>
  </si>
  <si>
    <t>開成町役場</t>
    <phoneticPr fontId="1"/>
  </si>
  <si>
    <t>神奈川県平塚市浅間町９番１号</t>
    <rPh sb="0" eb="4">
      <t>カナガワケン</t>
    </rPh>
    <phoneticPr fontId="1"/>
  </si>
  <si>
    <t>神奈川県足柄上郡開成町延沢773</t>
    <rPh sb="0" eb="4">
      <t>カナガワケン</t>
    </rPh>
    <phoneticPr fontId="1"/>
  </si>
  <si>
    <t>津久井やまゆり園千木良園舎（仮称）居住棟１</t>
    <phoneticPr fontId="1"/>
  </si>
  <si>
    <t>津久井やまゆり園千木良園舎（仮称）居住棟２</t>
    <phoneticPr fontId="1"/>
  </si>
  <si>
    <t>県営横山あじさいハイツ９号棟</t>
    <phoneticPr fontId="1"/>
  </si>
  <si>
    <t>県営横山あじさいハイツ10号棟</t>
    <phoneticPr fontId="1"/>
  </si>
  <si>
    <t>辻堂市民センター　南消防署辻堂出張所</t>
    <rPh sb="0" eb="4">
      <t>ツジドウシミン</t>
    </rPh>
    <rPh sb="9" eb="10">
      <t>ミナミ</t>
    </rPh>
    <rPh sb="10" eb="13">
      <t>ショウボウショ</t>
    </rPh>
    <rPh sb="13" eb="17">
      <t>ツジドウシュッチョウ</t>
    </rPh>
    <rPh sb="17" eb="18">
      <t>ジョ</t>
    </rPh>
    <phoneticPr fontId="1"/>
  </si>
  <si>
    <t>（仮称）平塚文化芸術ホール</t>
    <rPh sb="1" eb="3">
      <t>カショウ</t>
    </rPh>
    <rPh sb="4" eb="6">
      <t>ヒラツカ</t>
    </rPh>
    <rPh sb="6" eb="10">
      <t>ブンカゲイジュツ</t>
    </rPh>
    <phoneticPr fontId="1"/>
  </si>
  <si>
    <t>みずほ小学校</t>
    <rPh sb="3" eb="6">
      <t>ショウガッコウ</t>
    </rPh>
    <phoneticPr fontId="1"/>
  </si>
  <si>
    <t>相模小学校</t>
    <rPh sb="0" eb="5">
      <t>サガミショウガッコウ</t>
    </rPh>
    <phoneticPr fontId="1"/>
  </si>
  <si>
    <t>平塚市立吉沢公民館</t>
    <rPh sb="0" eb="3">
      <t>ヒラツカシ</t>
    </rPh>
    <rPh sb="3" eb="4">
      <t>リツ</t>
    </rPh>
    <rPh sb="4" eb="9">
      <t>ヨシザワコウミンカン</t>
    </rPh>
    <phoneticPr fontId="1"/>
  </si>
  <si>
    <t>厚木児童相談所</t>
    <rPh sb="0" eb="7">
      <t>アツギジドウソウダンジョ</t>
    </rPh>
    <phoneticPr fontId="1"/>
  </si>
  <si>
    <t>平塚市見附町16-2、16-3</t>
    <phoneticPr fontId="1"/>
  </si>
  <si>
    <t>平塚市上吉沢395番　他９筆</t>
    <phoneticPr fontId="1"/>
  </si>
  <si>
    <t>厚木市水引二丁目92番</t>
    <phoneticPr fontId="1"/>
  </si>
  <si>
    <t>厚木市立厚木北児童館</t>
    <rPh sb="0" eb="3">
      <t>アツギシ</t>
    </rPh>
    <rPh sb="3" eb="4">
      <t>リツ</t>
    </rPh>
    <rPh sb="4" eb="10">
      <t>アツギキタジドウカン</t>
    </rPh>
    <phoneticPr fontId="1"/>
  </si>
  <si>
    <t>善行市民センター・公民館</t>
    <rPh sb="0" eb="4">
      <t>ゼンギョウシミン</t>
    </rPh>
    <rPh sb="9" eb="12">
      <t>コウミンカン</t>
    </rPh>
    <phoneticPr fontId="1"/>
  </si>
  <si>
    <t>追浜ハイム６号棟</t>
    <rPh sb="0" eb="2">
      <t>オッパマ</t>
    </rPh>
    <rPh sb="6" eb="8">
      <t>ゴウトウ</t>
    </rPh>
    <phoneticPr fontId="1"/>
  </si>
  <si>
    <t>横須賀市追浜本町２丁目59番６、横浜市金沢区六浦東１丁目156番８</t>
    <phoneticPr fontId="1"/>
  </si>
  <si>
    <t>厚木市寿町３丁目347番２</t>
    <phoneticPr fontId="1"/>
  </si>
  <si>
    <t>（仮称）ブランチ茅ヶ崎３（G街区）</t>
    <phoneticPr fontId="1"/>
  </si>
  <si>
    <t>ペットフォレスト茅ヶ崎店</t>
    <phoneticPr fontId="1"/>
  </si>
  <si>
    <t>茅ヶ崎市浜見平377番14地先</t>
    <phoneticPr fontId="1"/>
  </si>
  <si>
    <t>茅ヶ崎市浜見平377番14</t>
    <phoneticPr fontId="1"/>
  </si>
  <si>
    <t>三井不動産ロジスティクスパーク海老名Ⅰ</t>
    <rPh sb="0" eb="2">
      <t>ミツイ</t>
    </rPh>
    <rPh sb="2" eb="5">
      <t>フドウサン</t>
    </rPh>
    <rPh sb="15" eb="18">
      <t>エビナ</t>
    </rPh>
    <phoneticPr fontId="1"/>
  </si>
  <si>
    <t>環境事業センター・石川小学校区児童クラブ</t>
    <phoneticPr fontId="1"/>
  </si>
  <si>
    <t>藤沢市遠藤字田方2023番17</t>
    <phoneticPr fontId="1"/>
  </si>
  <si>
    <t>クリオ茅ヶ崎中海岸グランシック</t>
    <phoneticPr fontId="1"/>
  </si>
  <si>
    <t>茅ヶ崎市中海岸2丁目11171番2</t>
    <phoneticPr fontId="1"/>
  </si>
  <si>
    <t>株式会社メディカルヘルスクラブ新茅ヶ崎中央病院</t>
    <phoneticPr fontId="1"/>
  </si>
  <si>
    <t>（仮称）茅ヶ崎市歴史文化交流館</t>
    <phoneticPr fontId="1"/>
  </si>
  <si>
    <t>市立引地台中学校</t>
    <phoneticPr fontId="1"/>
  </si>
  <si>
    <t>オセアンビクトリア海老名</t>
    <phoneticPr fontId="1"/>
  </si>
  <si>
    <t>茅ヶ崎市茅ヶ崎2丁目2番3号</t>
    <phoneticPr fontId="1"/>
  </si>
  <si>
    <t>茅ヶ崎市堤3786番1他74筆</t>
    <phoneticPr fontId="1"/>
  </si>
  <si>
    <t>大和市柳橋4丁目5050番1外8筆</t>
    <phoneticPr fontId="1"/>
  </si>
  <si>
    <t>海老名市本郷3071-1</t>
    <phoneticPr fontId="1"/>
  </si>
  <si>
    <t>THE OUTLETS SHONAN HIRATSUKA</t>
    <phoneticPr fontId="1"/>
  </si>
  <si>
    <t>平塚市大神字一之堰605</t>
    <rPh sb="0" eb="3">
      <t>ヒラツカシ</t>
    </rPh>
    <rPh sb="3" eb="5">
      <t>オオガミ</t>
    </rPh>
    <rPh sb="5" eb="6">
      <t>アザ</t>
    </rPh>
    <rPh sb="6" eb="7">
      <t>イチ</t>
    </rPh>
    <rPh sb="7" eb="8">
      <t>ノ</t>
    </rPh>
    <rPh sb="8" eb="9">
      <t>セキ</t>
    </rPh>
    <phoneticPr fontId="1"/>
  </si>
  <si>
    <t>かながわ信用金庫片瀬支店</t>
    <rPh sb="4" eb="6">
      <t>シンヨウ</t>
    </rPh>
    <rPh sb="6" eb="8">
      <t>キンコ</t>
    </rPh>
    <rPh sb="8" eb="10">
      <t>カタセ</t>
    </rPh>
    <rPh sb="10" eb="12">
      <t>シテン</t>
    </rPh>
    <phoneticPr fontId="1"/>
  </si>
  <si>
    <t>藤沢市片瀬3-17-29</t>
    <rPh sb="0" eb="3">
      <t>フジサワシ</t>
    </rPh>
    <rPh sb="3" eb="5">
      <t>カタセ</t>
    </rPh>
    <phoneticPr fontId="1"/>
  </si>
  <si>
    <t>（仮称）D-room海老名中央計画</t>
    <rPh sb="1" eb="3">
      <t>カショウ</t>
    </rPh>
    <rPh sb="10" eb="13">
      <t>エビナ</t>
    </rPh>
    <rPh sb="13" eb="15">
      <t>チュウオウ</t>
    </rPh>
    <rPh sb="15" eb="17">
      <t>ケイカク</t>
    </rPh>
    <phoneticPr fontId="1"/>
  </si>
  <si>
    <t>Weins Town Ebina（仮称）U-base棟</t>
    <rPh sb="17" eb="19">
      <t>カショウ</t>
    </rPh>
    <rPh sb="26" eb="27">
      <t>トウ</t>
    </rPh>
    <phoneticPr fontId="1"/>
  </si>
  <si>
    <t>Weins Town Ebina（仮称）新車販売棟</t>
    <rPh sb="17" eb="19">
      <t>カショウ</t>
    </rPh>
    <rPh sb="20" eb="22">
      <t>シンシャ</t>
    </rPh>
    <rPh sb="22" eb="24">
      <t>ハンバイ</t>
    </rPh>
    <rPh sb="24" eb="25">
      <t>トウ</t>
    </rPh>
    <phoneticPr fontId="1"/>
  </si>
  <si>
    <t>海老名市中新田字二番河原3289-5外</t>
    <rPh sb="0" eb="4">
      <t>エビナシ</t>
    </rPh>
    <rPh sb="4" eb="5">
      <t>ナカ</t>
    </rPh>
    <rPh sb="5" eb="7">
      <t>ニッタ</t>
    </rPh>
    <rPh sb="7" eb="8">
      <t>アザ</t>
    </rPh>
    <rPh sb="8" eb="10">
      <t>ニバン</t>
    </rPh>
    <rPh sb="10" eb="12">
      <t>カワハラ</t>
    </rPh>
    <rPh sb="18" eb="19">
      <t>ホカ</t>
    </rPh>
    <phoneticPr fontId="1"/>
  </si>
  <si>
    <t>海老名市中央1丁目238番外3筆</t>
    <rPh sb="0" eb="4">
      <t>エビナシ</t>
    </rPh>
    <rPh sb="4" eb="6">
      <t>チュウオウ</t>
    </rPh>
    <rPh sb="7" eb="9">
      <t>チョウメ</t>
    </rPh>
    <rPh sb="12" eb="13">
      <t>バン</t>
    </rPh>
    <rPh sb="13" eb="14">
      <t>ソト</t>
    </rPh>
    <rPh sb="15" eb="16">
      <t>フデ</t>
    </rPh>
    <phoneticPr fontId="1"/>
  </si>
  <si>
    <t>海老名市中新田字三番河原3290番12外191筆</t>
    <rPh sb="19" eb="20">
      <t>ソト</t>
    </rPh>
    <phoneticPr fontId="1"/>
  </si>
  <si>
    <t>平塚市大神字中内出2416-1の一部外69筆　ツインシティ大神地区土地区画整理事業地内（33街区）</t>
    <rPh sb="18" eb="19">
      <t>ソト</t>
    </rPh>
    <phoneticPr fontId="1"/>
  </si>
  <si>
    <t>平塚市北金目二丁目545番外13筆</t>
    <phoneticPr fontId="1"/>
  </si>
  <si>
    <t>藤沢市辻堂西海岸二丁目7000番33外</t>
    <rPh sb="18" eb="19">
      <t>ソト</t>
    </rPh>
    <phoneticPr fontId="1"/>
  </si>
  <si>
    <t>神奈川県藤沢市善行7丁目3347番1外</t>
    <rPh sb="0" eb="4">
      <t>カナガワケン</t>
    </rPh>
    <rPh sb="4" eb="7">
      <t>フジサワシ</t>
    </rPh>
    <rPh sb="7" eb="9">
      <t>ゼンギョウ</t>
    </rPh>
    <rPh sb="10" eb="12">
      <t>チョウメ</t>
    </rPh>
    <rPh sb="16" eb="17">
      <t>バン</t>
    </rPh>
    <rPh sb="18" eb="19">
      <t>ソト</t>
    </rPh>
    <phoneticPr fontId="1"/>
  </si>
  <si>
    <t>相模原市中央区横山４丁目4944番3外</t>
    <rPh sb="18" eb="19">
      <t>ソト</t>
    </rPh>
    <phoneticPr fontId="1"/>
  </si>
  <si>
    <t>相模原市緑区千木良461-4外16筆</t>
    <rPh sb="14" eb="15">
      <t>ソト</t>
    </rPh>
    <phoneticPr fontId="1"/>
  </si>
  <si>
    <t>藤沢市善行１丁目２番１外</t>
    <rPh sb="11" eb="12">
      <t>ソト</t>
    </rPh>
    <phoneticPr fontId="1"/>
  </si>
  <si>
    <t>あやめの郷　座間</t>
    <rPh sb="4" eb="5">
      <t>サト</t>
    </rPh>
    <rPh sb="6" eb="8">
      <t>ザマ</t>
    </rPh>
    <phoneticPr fontId="1"/>
  </si>
  <si>
    <t>座間市緑ケ丘2丁目28番9号</t>
    <rPh sb="0" eb="3">
      <t>ザマシ</t>
    </rPh>
    <rPh sb="3" eb="6">
      <t>ミドリガオカ</t>
    </rPh>
    <rPh sb="7" eb="9">
      <t>チョウメ</t>
    </rPh>
    <rPh sb="11" eb="12">
      <t>バン</t>
    </rPh>
    <rPh sb="13" eb="14">
      <t>ゴウ</t>
    </rPh>
    <phoneticPr fontId="1"/>
  </si>
  <si>
    <t>厚木市ふれあいプラザ</t>
    <rPh sb="0" eb="3">
      <t>アツギシ</t>
    </rPh>
    <phoneticPr fontId="1"/>
  </si>
  <si>
    <t>厚木市金田字走落1156番外16筆</t>
    <rPh sb="0" eb="3">
      <t>アツギシ</t>
    </rPh>
    <rPh sb="3" eb="5">
      <t>カネダ</t>
    </rPh>
    <rPh sb="5" eb="6">
      <t>アザ</t>
    </rPh>
    <rPh sb="6" eb="7">
      <t>ハシ</t>
    </rPh>
    <rPh sb="7" eb="8">
      <t>オ</t>
    </rPh>
    <rPh sb="12" eb="13">
      <t>バン</t>
    </rPh>
    <rPh sb="13" eb="14">
      <t>ホカ</t>
    </rPh>
    <rPh sb="16" eb="17">
      <t>フデ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2" x14ac:knownFonts="1">
    <font>
      <sz val="12"/>
      <color theme="1"/>
      <name val="ＭＳ 明朝"/>
      <family val="2"/>
      <charset val="128"/>
    </font>
    <font>
      <sz val="6"/>
      <name val="ＭＳ 明朝"/>
      <family val="2"/>
      <charset val="128"/>
    </font>
  </fonts>
  <fills count="2">
    <fill>
      <patternFill patternType="none"/>
    </fill>
    <fill>
      <patternFill patternType="gray125"/>
    </fill>
  </fills>
  <borders count="2">
    <border>
      <left/>
      <right/>
      <top/>
      <bottom/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</borders>
  <cellStyleXfs count="1">
    <xf numFmtId="0" fontId="0" fillId="0" borderId="0">
      <alignment vertical="center"/>
    </xf>
  </cellStyleXfs>
  <cellXfs count="11">
    <xf numFmtId="0" fontId="0" fillId="0" borderId="0" xfId="0">
      <alignment vertical="center"/>
    </xf>
    <xf numFmtId="0" fontId="0" fillId="0" borderId="1" xfId="0" applyBorder="1" applyAlignment="1">
      <alignment vertical="center" wrapText="1"/>
    </xf>
    <xf numFmtId="0" fontId="0" fillId="0" borderId="1" xfId="0" applyFill="1" applyBorder="1">
      <alignment vertical="center"/>
    </xf>
    <xf numFmtId="0" fontId="0" fillId="0" borderId="1" xfId="0" applyFill="1" applyBorder="1" applyAlignment="1">
      <alignment vertical="center" wrapText="1"/>
    </xf>
    <xf numFmtId="0" fontId="0" fillId="0" borderId="1" xfId="0" applyFill="1" applyBorder="1" applyAlignment="1">
      <alignment horizontal="right" vertical="center"/>
    </xf>
    <xf numFmtId="0" fontId="0" fillId="0" borderId="1" xfId="0" applyBorder="1">
      <alignment vertical="center"/>
    </xf>
    <xf numFmtId="14" fontId="0" fillId="0" borderId="1" xfId="0" applyNumberFormat="1" applyFill="1" applyBorder="1" applyAlignment="1">
      <alignment horizontal="left" vertical="center"/>
    </xf>
    <xf numFmtId="14" fontId="0" fillId="0" borderId="1" xfId="0" applyNumberFormat="1" applyFill="1" applyBorder="1" applyAlignment="1">
      <alignment horizontal="left" vertical="center" wrapText="1"/>
    </xf>
    <xf numFmtId="0" fontId="0" fillId="0" borderId="1" xfId="0" applyBorder="1" applyAlignment="1">
      <alignment horizontal="left" vertical="center" wrapText="1"/>
    </xf>
    <xf numFmtId="14" fontId="0" fillId="0" borderId="1" xfId="0" applyNumberFormat="1" applyBorder="1" applyAlignment="1">
      <alignment horizontal="left" vertical="center"/>
    </xf>
    <xf numFmtId="0" fontId="0" fillId="0" borderId="0" xfId="0" applyAlignment="1">
      <alignment horizontal="left" vertical="center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I75"/>
  <sheetViews>
    <sheetView tabSelected="1" topLeftCell="A61" workbookViewId="0">
      <selection activeCell="E76" sqref="E76"/>
    </sheetView>
  </sheetViews>
  <sheetFormatPr defaultRowHeight="14.25" x14ac:dyDescent="0.15"/>
  <cols>
    <col min="1" max="1" width="7" customWidth="1"/>
    <col min="2" max="2" width="7.125" customWidth="1"/>
    <col min="3" max="3" width="18.125" style="10" bestFit="1" customWidth="1"/>
    <col min="4" max="4" width="52.5" customWidth="1"/>
    <col min="5" max="5" width="41.5" customWidth="1"/>
    <col min="6" max="6" width="9.5" customWidth="1"/>
    <col min="9" max="9" width="32.875" customWidth="1"/>
  </cols>
  <sheetData>
    <row r="1" spans="1:9" ht="28.5" x14ac:dyDescent="0.15">
      <c r="A1" s="1" t="s">
        <v>7</v>
      </c>
      <c r="B1" s="1" t="s">
        <v>8</v>
      </c>
      <c r="C1" s="8" t="s">
        <v>6</v>
      </c>
      <c r="D1" s="1" t="s">
        <v>5</v>
      </c>
      <c r="E1" s="1" t="s">
        <v>4</v>
      </c>
      <c r="F1" s="1" t="s">
        <v>3</v>
      </c>
      <c r="G1" s="1" t="s">
        <v>2</v>
      </c>
      <c r="H1" s="1" t="s">
        <v>1</v>
      </c>
      <c r="I1" s="1" t="s">
        <v>0</v>
      </c>
    </row>
    <row r="2" spans="1:9" ht="28.5" x14ac:dyDescent="0.15">
      <c r="A2" s="5">
        <v>1</v>
      </c>
      <c r="B2" s="2">
        <v>1</v>
      </c>
      <c r="C2" s="6">
        <v>41204</v>
      </c>
      <c r="D2" s="2" t="s">
        <v>40</v>
      </c>
      <c r="E2" s="2" t="s">
        <v>58</v>
      </c>
      <c r="F2" s="2">
        <v>1</v>
      </c>
      <c r="G2" s="2">
        <v>1</v>
      </c>
      <c r="H2" s="2">
        <v>1</v>
      </c>
      <c r="I2" s="1" t="s">
        <v>25</v>
      </c>
    </row>
    <row r="3" spans="1:9" ht="28.5" x14ac:dyDescent="0.15">
      <c r="A3" s="5">
        <f t="shared" ref="A3:A68" si="0">A2+1</f>
        <v>2</v>
      </c>
      <c r="B3" s="2">
        <v>4</v>
      </c>
      <c r="C3" s="7">
        <v>41871</v>
      </c>
      <c r="D3" s="3" t="s">
        <v>78</v>
      </c>
      <c r="E3" s="2" t="s">
        <v>11</v>
      </c>
      <c r="F3" s="2">
        <v>1</v>
      </c>
      <c r="G3" s="2">
        <v>1</v>
      </c>
      <c r="H3" s="2">
        <v>1</v>
      </c>
      <c r="I3" s="1" t="s">
        <v>25</v>
      </c>
    </row>
    <row r="4" spans="1:9" ht="28.5" x14ac:dyDescent="0.15">
      <c r="A4" s="5">
        <f t="shared" si="0"/>
        <v>3</v>
      </c>
      <c r="B4" s="2">
        <v>3</v>
      </c>
      <c r="C4" s="6">
        <v>43077</v>
      </c>
      <c r="D4" s="2" t="s">
        <v>43</v>
      </c>
      <c r="E4" s="2" t="s">
        <v>69</v>
      </c>
      <c r="F4" s="2">
        <v>1</v>
      </c>
      <c r="G4" s="2">
        <v>1</v>
      </c>
      <c r="H4" s="2">
        <v>1</v>
      </c>
      <c r="I4" s="1" t="s">
        <v>25</v>
      </c>
    </row>
    <row r="5" spans="1:9" ht="28.9" customHeight="1" x14ac:dyDescent="0.15">
      <c r="A5" s="5">
        <f t="shared" si="0"/>
        <v>4</v>
      </c>
      <c r="B5" s="2">
        <v>5</v>
      </c>
      <c r="C5" s="6">
        <v>43091</v>
      </c>
      <c r="D5" s="2" t="s">
        <v>12</v>
      </c>
      <c r="E5" s="2" t="s">
        <v>13</v>
      </c>
      <c r="F5" s="2">
        <v>1</v>
      </c>
      <c r="G5" s="2">
        <v>1</v>
      </c>
      <c r="H5" s="2">
        <v>1</v>
      </c>
      <c r="I5" s="1" t="s">
        <v>25</v>
      </c>
    </row>
    <row r="6" spans="1:9" ht="28.5" x14ac:dyDescent="0.15">
      <c r="A6" s="5">
        <f t="shared" si="0"/>
        <v>5</v>
      </c>
      <c r="B6" s="2">
        <v>5</v>
      </c>
      <c r="C6" s="7">
        <v>43091</v>
      </c>
      <c r="D6" s="2" t="s">
        <v>75</v>
      </c>
      <c r="E6" s="2" t="s">
        <v>41</v>
      </c>
      <c r="F6" s="2">
        <v>1</v>
      </c>
      <c r="G6" s="2">
        <v>1</v>
      </c>
      <c r="H6" s="2">
        <v>1</v>
      </c>
      <c r="I6" s="1" t="s">
        <v>25</v>
      </c>
    </row>
    <row r="7" spans="1:9" ht="28.5" x14ac:dyDescent="0.15">
      <c r="A7" s="5">
        <f t="shared" si="0"/>
        <v>6</v>
      </c>
      <c r="B7" s="2">
        <v>4</v>
      </c>
      <c r="C7" s="6">
        <v>43147</v>
      </c>
      <c r="D7" s="2" t="s">
        <v>26</v>
      </c>
      <c r="E7" s="2" t="s">
        <v>24</v>
      </c>
      <c r="F7" s="2">
        <v>1</v>
      </c>
      <c r="G7" s="2">
        <v>1</v>
      </c>
      <c r="H7" s="2">
        <v>1</v>
      </c>
      <c r="I7" s="1" t="s">
        <v>25</v>
      </c>
    </row>
    <row r="8" spans="1:9" ht="28.5" x14ac:dyDescent="0.15">
      <c r="A8" s="5">
        <f t="shared" si="0"/>
        <v>7</v>
      </c>
      <c r="B8" s="2">
        <v>1</v>
      </c>
      <c r="C8" s="7">
        <v>43179</v>
      </c>
      <c r="D8" s="2" t="s">
        <v>36</v>
      </c>
      <c r="E8" s="2" t="s">
        <v>61</v>
      </c>
      <c r="F8" s="2">
        <v>1</v>
      </c>
      <c r="G8" s="2">
        <v>1</v>
      </c>
      <c r="H8" s="2">
        <v>1</v>
      </c>
      <c r="I8" s="1" t="s">
        <v>25</v>
      </c>
    </row>
    <row r="9" spans="1:9" ht="28.5" x14ac:dyDescent="0.15">
      <c r="A9" s="5">
        <f t="shared" si="0"/>
        <v>8</v>
      </c>
      <c r="B9" s="2">
        <v>5</v>
      </c>
      <c r="C9" s="7">
        <v>43287</v>
      </c>
      <c r="D9" s="2" t="s">
        <v>34</v>
      </c>
      <c r="E9" s="2" t="s">
        <v>39</v>
      </c>
      <c r="F9" s="2">
        <v>1</v>
      </c>
      <c r="G9" s="2">
        <v>1</v>
      </c>
      <c r="H9" s="2">
        <v>1</v>
      </c>
      <c r="I9" s="1" t="s">
        <v>25</v>
      </c>
    </row>
    <row r="10" spans="1:9" ht="28.5" x14ac:dyDescent="0.15">
      <c r="A10" s="5">
        <f t="shared" si="0"/>
        <v>9</v>
      </c>
      <c r="B10" s="2">
        <v>1</v>
      </c>
      <c r="C10" s="6">
        <v>43287</v>
      </c>
      <c r="D10" s="2" t="s">
        <v>46</v>
      </c>
      <c r="E10" s="2" t="s">
        <v>54</v>
      </c>
      <c r="F10" s="2">
        <v>1</v>
      </c>
      <c r="G10" s="2">
        <v>1</v>
      </c>
      <c r="H10" s="2">
        <v>1</v>
      </c>
      <c r="I10" s="1" t="s">
        <v>25</v>
      </c>
    </row>
    <row r="11" spans="1:9" ht="28.5" x14ac:dyDescent="0.15">
      <c r="A11" s="5">
        <f t="shared" si="0"/>
        <v>10</v>
      </c>
      <c r="B11" s="2">
        <v>5</v>
      </c>
      <c r="C11" s="6">
        <v>43312</v>
      </c>
      <c r="D11" s="2" t="s">
        <v>9</v>
      </c>
      <c r="E11" s="2" t="s">
        <v>10</v>
      </c>
      <c r="F11" s="2">
        <v>1</v>
      </c>
      <c r="G11" s="2">
        <v>1</v>
      </c>
      <c r="H11" s="2">
        <v>1</v>
      </c>
      <c r="I11" s="1" t="s">
        <v>25</v>
      </c>
    </row>
    <row r="12" spans="1:9" ht="28.5" x14ac:dyDescent="0.15">
      <c r="A12" s="5">
        <f t="shared" si="0"/>
        <v>11</v>
      </c>
      <c r="B12" s="2">
        <v>4</v>
      </c>
      <c r="C12" s="7">
        <v>43312</v>
      </c>
      <c r="D12" s="2" t="s">
        <v>51</v>
      </c>
      <c r="E12" s="2" t="s">
        <v>52</v>
      </c>
      <c r="F12" s="2">
        <v>1</v>
      </c>
      <c r="G12" s="2">
        <v>1</v>
      </c>
      <c r="H12" s="2">
        <v>1</v>
      </c>
      <c r="I12" s="1" t="s">
        <v>25</v>
      </c>
    </row>
    <row r="13" spans="1:9" ht="28.5" x14ac:dyDescent="0.15">
      <c r="A13" s="5">
        <f t="shared" si="0"/>
        <v>12</v>
      </c>
      <c r="B13" s="2">
        <v>1</v>
      </c>
      <c r="C13" s="6">
        <v>43347</v>
      </c>
      <c r="D13" s="2" t="s">
        <v>27</v>
      </c>
      <c r="E13" s="2" t="s">
        <v>62</v>
      </c>
      <c r="F13" s="2">
        <v>1</v>
      </c>
      <c r="G13" s="2">
        <v>1</v>
      </c>
      <c r="H13" s="2">
        <v>1</v>
      </c>
      <c r="I13" s="1" t="s">
        <v>25</v>
      </c>
    </row>
    <row r="14" spans="1:9" ht="28.5" x14ac:dyDescent="0.15">
      <c r="A14" s="5">
        <f t="shared" si="0"/>
        <v>13</v>
      </c>
      <c r="B14" s="2">
        <v>1</v>
      </c>
      <c r="C14" s="7">
        <v>43419</v>
      </c>
      <c r="D14" s="2" t="s">
        <v>48</v>
      </c>
      <c r="E14" s="2" t="s">
        <v>53</v>
      </c>
      <c r="F14" s="2">
        <v>1</v>
      </c>
      <c r="G14" s="2">
        <v>1</v>
      </c>
      <c r="H14" s="2">
        <v>1</v>
      </c>
      <c r="I14" s="1" t="s">
        <v>25</v>
      </c>
    </row>
    <row r="15" spans="1:9" ht="28.5" x14ac:dyDescent="0.15">
      <c r="A15" s="5">
        <f t="shared" si="0"/>
        <v>14</v>
      </c>
      <c r="B15" s="2">
        <v>2</v>
      </c>
      <c r="C15" s="6">
        <v>43440</v>
      </c>
      <c r="D15" s="2" t="s">
        <v>44</v>
      </c>
      <c r="E15" s="2" t="s">
        <v>70</v>
      </c>
      <c r="F15" s="2">
        <v>1</v>
      </c>
      <c r="G15" s="2">
        <v>1</v>
      </c>
      <c r="H15" s="2">
        <v>1</v>
      </c>
      <c r="I15" s="1" t="s">
        <v>25</v>
      </c>
    </row>
    <row r="16" spans="1:9" ht="28.5" x14ac:dyDescent="0.15">
      <c r="A16" s="5">
        <f t="shared" si="0"/>
        <v>15</v>
      </c>
      <c r="B16" s="2">
        <v>4</v>
      </c>
      <c r="C16" s="6">
        <v>43486</v>
      </c>
      <c r="D16" s="2" t="s">
        <v>47</v>
      </c>
      <c r="E16" s="2" t="s">
        <v>73</v>
      </c>
      <c r="F16" s="2">
        <v>1</v>
      </c>
      <c r="G16" s="2">
        <v>1</v>
      </c>
      <c r="H16" s="2">
        <v>1</v>
      </c>
      <c r="I16" s="1" t="s">
        <v>25</v>
      </c>
    </row>
    <row r="17" spans="1:9" ht="28.5" x14ac:dyDescent="0.15">
      <c r="A17" s="5">
        <f t="shared" si="0"/>
        <v>16</v>
      </c>
      <c r="B17" s="2">
        <v>1</v>
      </c>
      <c r="C17" s="7">
        <v>43518</v>
      </c>
      <c r="D17" s="2" t="s">
        <v>35</v>
      </c>
      <c r="E17" s="2" t="s">
        <v>66</v>
      </c>
      <c r="F17" s="2">
        <v>1</v>
      </c>
      <c r="G17" s="2">
        <v>1</v>
      </c>
      <c r="H17" s="2">
        <v>1</v>
      </c>
      <c r="I17" s="1" t="s">
        <v>25</v>
      </c>
    </row>
    <row r="18" spans="1:9" ht="28.5" x14ac:dyDescent="0.15">
      <c r="A18" s="5">
        <f t="shared" si="0"/>
        <v>17</v>
      </c>
      <c r="B18" s="2">
        <v>3</v>
      </c>
      <c r="C18" s="7">
        <v>43530</v>
      </c>
      <c r="D18" s="2" t="s">
        <v>38</v>
      </c>
      <c r="E18" s="2" t="s">
        <v>68</v>
      </c>
      <c r="F18" s="2">
        <v>1</v>
      </c>
      <c r="G18" s="2">
        <v>1</v>
      </c>
      <c r="H18" s="2">
        <v>1</v>
      </c>
      <c r="I18" s="1" t="s">
        <v>25</v>
      </c>
    </row>
    <row r="19" spans="1:9" ht="28.5" x14ac:dyDescent="0.15">
      <c r="A19" s="5">
        <f t="shared" si="0"/>
        <v>18</v>
      </c>
      <c r="B19" s="2">
        <v>2</v>
      </c>
      <c r="C19" s="7">
        <v>43536</v>
      </c>
      <c r="D19" s="2" t="s">
        <v>50</v>
      </c>
      <c r="E19" s="2" t="s">
        <v>74</v>
      </c>
      <c r="F19" s="2">
        <v>1</v>
      </c>
      <c r="G19" s="2">
        <v>1</v>
      </c>
      <c r="H19" s="2">
        <v>1</v>
      </c>
      <c r="I19" s="1" t="s">
        <v>25</v>
      </c>
    </row>
    <row r="20" spans="1:9" ht="28.5" x14ac:dyDescent="0.15">
      <c r="A20" s="5">
        <f t="shared" si="0"/>
        <v>19</v>
      </c>
      <c r="B20" s="2">
        <v>17</v>
      </c>
      <c r="C20" s="6">
        <v>43542</v>
      </c>
      <c r="D20" s="2" t="s">
        <v>17</v>
      </c>
      <c r="E20" s="2" t="s">
        <v>18</v>
      </c>
      <c r="F20" s="2">
        <v>1</v>
      </c>
      <c r="G20" s="2">
        <v>1</v>
      </c>
      <c r="H20" s="2">
        <v>1</v>
      </c>
      <c r="I20" s="1" t="s">
        <v>25</v>
      </c>
    </row>
    <row r="21" spans="1:9" ht="28.5" x14ac:dyDescent="0.15">
      <c r="A21" s="5">
        <f t="shared" si="0"/>
        <v>20</v>
      </c>
      <c r="B21" s="2">
        <v>1</v>
      </c>
      <c r="C21" s="7">
        <v>43544</v>
      </c>
      <c r="D21" s="2" t="s">
        <v>45</v>
      </c>
      <c r="E21" s="2" t="s">
        <v>71</v>
      </c>
      <c r="F21" s="2">
        <v>1</v>
      </c>
      <c r="G21" s="2">
        <v>1</v>
      </c>
      <c r="H21" s="2">
        <v>1</v>
      </c>
      <c r="I21" s="1" t="s">
        <v>25</v>
      </c>
    </row>
    <row r="22" spans="1:9" ht="28.5" x14ac:dyDescent="0.15">
      <c r="A22" s="5">
        <f t="shared" si="0"/>
        <v>21</v>
      </c>
      <c r="B22" s="4" t="s">
        <v>76</v>
      </c>
      <c r="C22" s="6">
        <v>43551</v>
      </c>
      <c r="D22" s="2" t="s">
        <v>81</v>
      </c>
      <c r="E22" s="2" t="s">
        <v>72</v>
      </c>
      <c r="F22" s="2">
        <v>1</v>
      </c>
      <c r="G22" s="2">
        <v>1</v>
      </c>
      <c r="H22" s="2">
        <v>1</v>
      </c>
      <c r="I22" s="1" t="s">
        <v>25</v>
      </c>
    </row>
    <row r="23" spans="1:9" ht="28.5" x14ac:dyDescent="0.15">
      <c r="A23" s="5">
        <f t="shared" si="0"/>
        <v>22</v>
      </c>
      <c r="B23" s="2">
        <v>4</v>
      </c>
      <c r="C23" s="7">
        <v>43552</v>
      </c>
      <c r="D23" s="2" t="s">
        <v>33</v>
      </c>
      <c r="E23" s="2" t="s">
        <v>57</v>
      </c>
      <c r="F23" s="2">
        <v>1</v>
      </c>
      <c r="G23" s="2">
        <v>1</v>
      </c>
      <c r="H23" s="2">
        <v>1</v>
      </c>
      <c r="I23" s="1" t="s">
        <v>25</v>
      </c>
    </row>
    <row r="24" spans="1:9" ht="28.5" x14ac:dyDescent="0.15">
      <c r="A24" s="5">
        <f t="shared" si="0"/>
        <v>23</v>
      </c>
      <c r="B24" s="2">
        <v>1</v>
      </c>
      <c r="C24" s="6">
        <v>43665</v>
      </c>
      <c r="D24" s="2" t="s">
        <v>15</v>
      </c>
      <c r="E24" s="2" t="s">
        <v>16</v>
      </c>
      <c r="F24" s="2">
        <v>1</v>
      </c>
      <c r="G24" s="2">
        <v>1</v>
      </c>
      <c r="H24" s="2">
        <v>1</v>
      </c>
      <c r="I24" s="1" t="s">
        <v>25</v>
      </c>
    </row>
    <row r="25" spans="1:9" ht="28.5" x14ac:dyDescent="0.15">
      <c r="A25" s="5">
        <f t="shared" si="0"/>
        <v>24</v>
      </c>
      <c r="B25" s="2">
        <v>5</v>
      </c>
      <c r="C25" s="6">
        <v>43668</v>
      </c>
      <c r="D25" s="2" t="s">
        <v>22</v>
      </c>
      <c r="E25" s="2" t="s">
        <v>23</v>
      </c>
      <c r="F25" s="2">
        <v>1</v>
      </c>
      <c r="G25" s="2">
        <v>1</v>
      </c>
      <c r="H25" s="2">
        <v>3</v>
      </c>
      <c r="I25" s="1" t="s">
        <v>25</v>
      </c>
    </row>
    <row r="26" spans="1:9" ht="28.5" x14ac:dyDescent="0.15">
      <c r="A26" s="5">
        <f t="shared" si="0"/>
        <v>25</v>
      </c>
      <c r="B26" s="2">
        <v>1</v>
      </c>
      <c r="C26" s="7">
        <v>43711</v>
      </c>
      <c r="D26" s="2" t="s">
        <v>97</v>
      </c>
      <c r="E26" s="2" t="s">
        <v>83</v>
      </c>
      <c r="F26" s="2">
        <v>1</v>
      </c>
      <c r="G26" s="2">
        <v>1</v>
      </c>
      <c r="H26" s="2">
        <v>1</v>
      </c>
      <c r="I26" s="3" t="s">
        <v>25</v>
      </c>
    </row>
    <row r="27" spans="1:9" ht="28.5" x14ac:dyDescent="0.15">
      <c r="A27" s="5">
        <f t="shared" si="0"/>
        <v>26</v>
      </c>
      <c r="B27" s="2">
        <v>2</v>
      </c>
      <c r="C27" s="6">
        <v>43739</v>
      </c>
      <c r="D27" s="3" t="s">
        <v>79</v>
      </c>
      <c r="E27" s="2" t="s">
        <v>14</v>
      </c>
      <c r="F27" s="2">
        <v>1</v>
      </c>
      <c r="G27" s="2">
        <v>1</v>
      </c>
      <c r="H27" s="2">
        <v>3</v>
      </c>
      <c r="I27" s="1" t="s">
        <v>82</v>
      </c>
    </row>
    <row r="28" spans="1:9" ht="28.5" x14ac:dyDescent="0.15">
      <c r="A28" s="5">
        <f t="shared" si="0"/>
        <v>27</v>
      </c>
      <c r="B28" s="2">
        <v>4</v>
      </c>
      <c r="C28" s="6">
        <v>43881</v>
      </c>
      <c r="D28" s="3" t="s">
        <v>80</v>
      </c>
      <c r="E28" s="2" t="s">
        <v>21</v>
      </c>
      <c r="F28" s="2">
        <v>1</v>
      </c>
      <c r="G28" s="2">
        <v>1</v>
      </c>
      <c r="H28" s="2">
        <v>1</v>
      </c>
      <c r="I28" s="1" t="s">
        <v>25</v>
      </c>
    </row>
    <row r="29" spans="1:9" ht="28.5" x14ac:dyDescent="0.15">
      <c r="A29" s="5">
        <f t="shared" si="0"/>
        <v>28</v>
      </c>
      <c r="B29" s="2">
        <v>17</v>
      </c>
      <c r="C29" s="7">
        <v>43887</v>
      </c>
      <c r="D29" s="2" t="s">
        <v>29</v>
      </c>
      <c r="E29" s="2" t="s">
        <v>63</v>
      </c>
      <c r="F29" s="2">
        <v>1</v>
      </c>
      <c r="G29" s="2">
        <v>1</v>
      </c>
      <c r="H29" s="2">
        <v>1</v>
      </c>
      <c r="I29" s="1" t="s">
        <v>25</v>
      </c>
    </row>
    <row r="30" spans="1:9" ht="28.5" x14ac:dyDescent="0.15">
      <c r="A30" s="5">
        <f t="shared" si="0"/>
        <v>29</v>
      </c>
      <c r="B30" s="2">
        <v>1</v>
      </c>
      <c r="C30" s="7">
        <v>43920</v>
      </c>
      <c r="D30" s="2" t="s">
        <v>84</v>
      </c>
      <c r="E30" s="2" t="s">
        <v>85</v>
      </c>
      <c r="F30" s="2">
        <v>1</v>
      </c>
      <c r="G30" s="2">
        <v>1</v>
      </c>
      <c r="H30" s="2">
        <v>1</v>
      </c>
      <c r="I30" s="3" t="s">
        <v>25</v>
      </c>
    </row>
    <row r="31" spans="1:9" ht="28.5" x14ac:dyDescent="0.15">
      <c r="A31" s="5">
        <f t="shared" si="0"/>
        <v>30</v>
      </c>
      <c r="B31" s="2">
        <v>1</v>
      </c>
      <c r="C31" s="7">
        <v>43921</v>
      </c>
      <c r="D31" s="2" t="s">
        <v>28</v>
      </c>
      <c r="E31" s="2" t="s">
        <v>55</v>
      </c>
      <c r="F31" s="2">
        <v>1</v>
      </c>
      <c r="G31" s="2">
        <v>1</v>
      </c>
      <c r="H31" s="2">
        <v>1</v>
      </c>
      <c r="I31" s="1" t="s">
        <v>25</v>
      </c>
    </row>
    <row r="32" spans="1:9" ht="28.5" x14ac:dyDescent="0.15">
      <c r="A32" s="5">
        <f t="shared" si="0"/>
        <v>31</v>
      </c>
      <c r="B32" s="2">
        <v>2</v>
      </c>
      <c r="C32" s="7">
        <v>43936</v>
      </c>
      <c r="D32" s="2" t="s">
        <v>31</v>
      </c>
      <c r="E32" s="2" t="s">
        <v>56</v>
      </c>
      <c r="F32" s="2">
        <v>1</v>
      </c>
      <c r="G32" s="2">
        <v>1</v>
      </c>
      <c r="H32" s="2">
        <v>3</v>
      </c>
      <c r="I32" s="1" t="s">
        <v>25</v>
      </c>
    </row>
    <row r="33" spans="1:9" ht="28.5" x14ac:dyDescent="0.15">
      <c r="A33" s="5">
        <f t="shared" si="0"/>
        <v>32</v>
      </c>
      <c r="B33" s="2">
        <v>17</v>
      </c>
      <c r="C33" s="7">
        <v>44000</v>
      </c>
      <c r="D33" s="2" t="s">
        <v>90</v>
      </c>
      <c r="E33" s="2" t="s">
        <v>94</v>
      </c>
      <c r="F33" s="2">
        <v>1</v>
      </c>
      <c r="G33" s="2">
        <v>1</v>
      </c>
      <c r="H33" s="2">
        <v>1</v>
      </c>
      <c r="I33" s="3" t="s">
        <v>25</v>
      </c>
    </row>
    <row r="34" spans="1:9" ht="28.5" x14ac:dyDescent="0.15">
      <c r="A34" s="5">
        <f t="shared" si="0"/>
        <v>33</v>
      </c>
      <c r="B34" s="4" t="s">
        <v>77</v>
      </c>
      <c r="C34" s="6">
        <v>44042</v>
      </c>
      <c r="D34" s="2" t="s">
        <v>42</v>
      </c>
      <c r="E34" s="2" t="s">
        <v>59</v>
      </c>
      <c r="F34" s="2">
        <v>1</v>
      </c>
      <c r="G34" s="2">
        <v>1</v>
      </c>
      <c r="H34" s="2">
        <v>3</v>
      </c>
      <c r="I34" s="1" t="s">
        <v>25</v>
      </c>
    </row>
    <row r="35" spans="1:9" ht="28.5" x14ac:dyDescent="0.15">
      <c r="A35" s="5">
        <f t="shared" si="0"/>
        <v>34</v>
      </c>
      <c r="B35" s="2">
        <v>1</v>
      </c>
      <c r="C35" s="6">
        <v>44046</v>
      </c>
      <c r="D35" s="2" t="s">
        <v>19</v>
      </c>
      <c r="E35" s="2" t="s">
        <v>20</v>
      </c>
      <c r="F35" s="2">
        <v>1</v>
      </c>
      <c r="G35" s="2">
        <v>1</v>
      </c>
      <c r="H35" s="2">
        <v>1</v>
      </c>
      <c r="I35" s="1" t="s">
        <v>25</v>
      </c>
    </row>
    <row r="36" spans="1:9" ht="28.5" x14ac:dyDescent="0.15">
      <c r="A36" s="5">
        <f t="shared" si="0"/>
        <v>35</v>
      </c>
      <c r="B36" s="2">
        <v>2</v>
      </c>
      <c r="C36" s="7">
        <v>44050</v>
      </c>
      <c r="D36" s="2" t="s">
        <v>89</v>
      </c>
      <c r="E36" s="2" t="s">
        <v>150</v>
      </c>
      <c r="F36" s="2">
        <v>1</v>
      </c>
      <c r="G36" s="2">
        <v>1</v>
      </c>
      <c r="H36" s="2">
        <v>1</v>
      </c>
      <c r="I36" s="3" t="s">
        <v>25</v>
      </c>
    </row>
    <row r="37" spans="1:9" ht="28.5" x14ac:dyDescent="0.15">
      <c r="A37" s="5">
        <f t="shared" si="0"/>
        <v>36</v>
      </c>
      <c r="B37" s="2">
        <v>6</v>
      </c>
      <c r="C37" s="7">
        <v>44075</v>
      </c>
      <c r="D37" s="2" t="s">
        <v>49</v>
      </c>
      <c r="E37" s="2" t="s">
        <v>60</v>
      </c>
      <c r="F37" s="2">
        <v>1</v>
      </c>
      <c r="G37" s="2">
        <v>1</v>
      </c>
      <c r="H37" s="2">
        <v>1</v>
      </c>
      <c r="I37" s="1" t="s">
        <v>25</v>
      </c>
    </row>
    <row r="38" spans="1:9" ht="28.5" x14ac:dyDescent="0.15">
      <c r="A38" s="5">
        <f t="shared" si="0"/>
        <v>37</v>
      </c>
      <c r="B38" s="2">
        <v>1</v>
      </c>
      <c r="C38" s="7">
        <v>44103</v>
      </c>
      <c r="D38" s="2" t="s">
        <v>32</v>
      </c>
      <c r="E38" s="2" t="s">
        <v>65</v>
      </c>
      <c r="F38" s="2">
        <v>1</v>
      </c>
      <c r="G38" s="2">
        <v>1</v>
      </c>
      <c r="H38" s="2">
        <v>1</v>
      </c>
      <c r="I38" s="1" t="s">
        <v>25</v>
      </c>
    </row>
    <row r="39" spans="1:9" ht="28.5" x14ac:dyDescent="0.15">
      <c r="A39" s="5">
        <f t="shared" si="0"/>
        <v>38</v>
      </c>
      <c r="B39" s="2">
        <v>1</v>
      </c>
      <c r="C39" s="6">
        <v>44190</v>
      </c>
      <c r="D39" s="2" t="s">
        <v>37</v>
      </c>
      <c r="E39" s="2" t="s">
        <v>67</v>
      </c>
      <c r="F39" s="2">
        <v>1</v>
      </c>
      <c r="G39" s="2">
        <v>1</v>
      </c>
      <c r="H39" s="2">
        <v>1</v>
      </c>
      <c r="I39" s="1" t="s">
        <v>25</v>
      </c>
    </row>
    <row r="40" spans="1:9" ht="28.5" x14ac:dyDescent="0.15">
      <c r="A40" s="5">
        <f t="shared" si="0"/>
        <v>39</v>
      </c>
      <c r="B40" s="2">
        <v>1</v>
      </c>
      <c r="C40" s="7">
        <v>44237</v>
      </c>
      <c r="D40" s="2" t="s">
        <v>30</v>
      </c>
      <c r="E40" s="2" t="s">
        <v>64</v>
      </c>
      <c r="F40" s="2">
        <v>1</v>
      </c>
      <c r="G40" s="2">
        <v>1</v>
      </c>
      <c r="H40" s="2">
        <v>3</v>
      </c>
      <c r="I40" s="1" t="s">
        <v>25</v>
      </c>
    </row>
    <row r="41" spans="1:9" ht="28.5" x14ac:dyDescent="0.15">
      <c r="A41" s="5">
        <f t="shared" si="0"/>
        <v>40</v>
      </c>
      <c r="B41" s="2">
        <v>5</v>
      </c>
      <c r="C41" s="7">
        <v>44293</v>
      </c>
      <c r="D41" s="2" t="s">
        <v>87</v>
      </c>
      <c r="E41" s="2" t="s">
        <v>92</v>
      </c>
      <c r="F41" s="2">
        <v>1</v>
      </c>
      <c r="G41" s="2">
        <v>1</v>
      </c>
      <c r="H41" s="2">
        <v>1</v>
      </c>
      <c r="I41" s="1" t="s">
        <v>25</v>
      </c>
    </row>
    <row r="42" spans="1:9" ht="28.5" x14ac:dyDescent="0.15">
      <c r="A42" s="5">
        <f t="shared" si="0"/>
        <v>41</v>
      </c>
      <c r="B42" s="5">
        <v>8</v>
      </c>
      <c r="C42" s="9">
        <v>44354</v>
      </c>
      <c r="D42" s="5" t="s">
        <v>104</v>
      </c>
      <c r="E42" s="5" t="s">
        <v>151</v>
      </c>
      <c r="F42" s="2">
        <v>0</v>
      </c>
      <c r="G42" s="2">
        <v>0</v>
      </c>
      <c r="H42" s="2">
        <v>1</v>
      </c>
      <c r="I42" s="1" t="s">
        <v>25</v>
      </c>
    </row>
    <row r="43" spans="1:9" ht="28.5" x14ac:dyDescent="0.15">
      <c r="A43" s="5">
        <f t="shared" si="0"/>
        <v>42</v>
      </c>
      <c r="B43" s="2">
        <v>8</v>
      </c>
      <c r="C43" s="9">
        <v>44354</v>
      </c>
      <c r="D43" s="5" t="s">
        <v>105</v>
      </c>
      <c r="E43" s="5" t="s">
        <v>151</v>
      </c>
      <c r="F43" s="5">
        <v>0</v>
      </c>
      <c r="G43" s="5">
        <v>0</v>
      </c>
      <c r="H43" s="5">
        <v>1</v>
      </c>
      <c r="I43" s="1" t="s">
        <v>25</v>
      </c>
    </row>
    <row r="44" spans="1:9" ht="28.5" x14ac:dyDescent="0.15">
      <c r="A44" s="5">
        <f t="shared" si="0"/>
        <v>43</v>
      </c>
      <c r="B44" s="2">
        <v>1</v>
      </c>
      <c r="C44" s="7">
        <v>44372</v>
      </c>
      <c r="D44" s="2" t="s">
        <v>86</v>
      </c>
      <c r="E44" s="2" t="s">
        <v>91</v>
      </c>
      <c r="F44" s="2">
        <v>1</v>
      </c>
      <c r="G44" s="2">
        <v>1</v>
      </c>
      <c r="H44" s="2">
        <v>1</v>
      </c>
      <c r="I44" s="1" t="s">
        <v>25</v>
      </c>
    </row>
    <row r="45" spans="1:9" ht="28.9" customHeight="1" x14ac:dyDescent="0.15">
      <c r="A45" s="5">
        <f t="shared" si="0"/>
        <v>44</v>
      </c>
      <c r="B45" s="2">
        <v>1</v>
      </c>
      <c r="C45" s="7">
        <v>44372</v>
      </c>
      <c r="D45" s="2" t="s">
        <v>88</v>
      </c>
      <c r="E45" s="2" t="s">
        <v>93</v>
      </c>
      <c r="F45" s="2">
        <v>1</v>
      </c>
      <c r="G45" s="2">
        <v>1</v>
      </c>
      <c r="H45" s="2">
        <v>1</v>
      </c>
      <c r="I45" s="1" t="s">
        <v>25</v>
      </c>
    </row>
    <row r="46" spans="1:9" ht="28.9" customHeight="1" x14ac:dyDescent="0.15">
      <c r="A46" s="5">
        <f t="shared" si="0"/>
        <v>45</v>
      </c>
      <c r="B46" s="2">
        <v>8</v>
      </c>
      <c r="C46" s="7">
        <v>44372</v>
      </c>
      <c r="D46" s="2" t="s">
        <v>95</v>
      </c>
      <c r="E46" s="2" t="s">
        <v>96</v>
      </c>
      <c r="F46" s="2">
        <v>1</v>
      </c>
      <c r="G46" s="2">
        <v>1</v>
      </c>
      <c r="H46" s="2">
        <v>1</v>
      </c>
      <c r="I46" s="1" t="s">
        <v>25</v>
      </c>
    </row>
    <row r="47" spans="1:9" ht="28.9" customHeight="1" x14ac:dyDescent="0.15">
      <c r="A47" s="5">
        <f t="shared" si="0"/>
        <v>46</v>
      </c>
      <c r="B47" s="5">
        <v>1</v>
      </c>
      <c r="C47" s="9">
        <v>44396</v>
      </c>
      <c r="D47" s="5" t="s">
        <v>98</v>
      </c>
      <c r="E47" s="5" t="s">
        <v>100</v>
      </c>
      <c r="F47" s="2">
        <v>1</v>
      </c>
      <c r="G47" s="2">
        <v>1</v>
      </c>
      <c r="H47" s="2">
        <v>1</v>
      </c>
      <c r="I47" s="3" t="s">
        <v>25</v>
      </c>
    </row>
    <row r="48" spans="1:9" ht="28.9" customHeight="1" x14ac:dyDescent="0.15">
      <c r="A48" s="5">
        <f t="shared" si="0"/>
        <v>47</v>
      </c>
      <c r="B48" s="5">
        <v>4</v>
      </c>
      <c r="C48" s="9">
        <v>44413</v>
      </c>
      <c r="D48" s="5" t="s">
        <v>102</v>
      </c>
      <c r="E48" s="5" t="s">
        <v>152</v>
      </c>
      <c r="F48" s="2">
        <v>1</v>
      </c>
      <c r="G48" s="2">
        <v>1</v>
      </c>
      <c r="H48" s="2">
        <v>1</v>
      </c>
      <c r="I48" s="1" t="s">
        <v>25</v>
      </c>
    </row>
    <row r="49" spans="1:9" ht="28.9" customHeight="1" x14ac:dyDescent="0.15">
      <c r="A49" s="5">
        <f t="shared" si="0"/>
        <v>48</v>
      </c>
      <c r="B49" s="5">
        <v>4</v>
      </c>
      <c r="C49" s="9">
        <v>44413</v>
      </c>
      <c r="D49" s="5" t="s">
        <v>103</v>
      </c>
      <c r="E49" s="5" t="s">
        <v>152</v>
      </c>
      <c r="F49" s="2">
        <v>1</v>
      </c>
      <c r="G49" s="2">
        <v>1</v>
      </c>
      <c r="H49" s="2">
        <v>1</v>
      </c>
      <c r="I49" s="1" t="s">
        <v>25</v>
      </c>
    </row>
    <row r="50" spans="1:9" ht="28.9" customHeight="1" x14ac:dyDescent="0.15">
      <c r="A50" s="5">
        <f t="shared" si="0"/>
        <v>49</v>
      </c>
      <c r="B50" s="5">
        <v>1</v>
      </c>
      <c r="C50" s="6">
        <v>44418</v>
      </c>
      <c r="D50" s="5" t="s">
        <v>99</v>
      </c>
      <c r="E50" s="5" t="s">
        <v>101</v>
      </c>
      <c r="F50" s="2">
        <v>1</v>
      </c>
      <c r="G50" s="2">
        <v>1</v>
      </c>
      <c r="H50" s="2">
        <v>1</v>
      </c>
      <c r="I50" s="1" t="s">
        <v>25</v>
      </c>
    </row>
    <row r="51" spans="1:9" ht="28.9" customHeight="1" x14ac:dyDescent="0.15">
      <c r="A51" s="5">
        <f t="shared" si="0"/>
        <v>50</v>
      </c>
      <c r="B51" s="5">
        <v>1</v>
      </c>
      <c r="C51" s="7">
        <v>44624</v>
      </c>
      <c r="D51" s="5" t="s">
        <v>116</v>
      </c>
      <c r="E51" s="5" t="s">
        <v>153</v>
      </c>
      <c r="F51" s="2">
        <v>1</v>
      </c>
      <c r="G51" s="2">
        <v>1</v>
      </c>
      <c r="H51" s="2">
        <v>1</v>
      </c>
      <c r="I51" s="1" t="s">
        <v>25</v>
      </c>
    </row>
    <row r="52" spans="1:9" ht="28.9" customHeight="1" x14ac:dyDescent="0.15">
      <c r="A52" s="5">
        <f t="shared" si="0"/>
        <v>51</v>
      </c>
      <c r="B52" s="5">
        <v>8</v>
      </c>
      <c r="C52" s="7">
        <v>44642</v>
      </c>
      <c r="D52" s="5" t="s">
        <v>117</v>
      </c>
      <c r="E52" s="5" t="s">
        <v>118</v>
      </c>
      <c r="F52" s="2">
        <v>1</v>
      </c>
      <c r="G52" s="2">
        <v>1</v>
      </c>
      <c r="H52" s="2">
        <v>1</v>
      </c>
      <c r="I52" s="1" t="s">
        <v>25</v>
      </c>
    </row>
    <row r="53" spans="1:9" ht="28.9" customHeight="1" x14ac:dyDescent="0.15">
      <c r="A53" s="5">
        <f t="shared" si="0"/>
        <v>52</v>
      </c>
      <c r="B53" s="2">
        <v>1</v>
      </c>
      <c r="C53" s="7">
        <v>44670</v>
      </c>
      <c r="D53" s="2" t="s">
        <v>106</v>
      </c>
      <c r="E53" s="2" t="s">
        <v>149</v>
      </c>
      <c r="F53" s="2">
        <v>1</v>
      </c>
      <c r="G53" s="2">
        <v>1</v>
      </c>
      <c r="H53" s="2">
        <v>1</v>
      </c>
      <c r="I53" s="1" t="s">
        <v>25</v>
      </c>
    </row>
    <row r="54" spans="1:9" ht="28.9" customHeight="1" x14ac:dyDescent="0.15">
      <c r="A54" s="5">
        <f t="shared" si="0"/>
        <v>53</v>
      </c>
      <c r="B54" s="2">
        <v>2</v>
      </c>
      <c r="C54" s="7">
        <v>44670</v>
      </c>
      <c r="D54" s="2" t="s">
        <v>107</v>
      </c>
      <c r="E54" s="2" t="s">
        <v>112</v>
      </c>
      <c r="F54" s="2">
        <v>1</v>
      </c>
      <c r="G54" s="2">
        <v>1</v>
      </c>
      <c r="H54" s="2">
        <v>1</v>
      </c>
      <c r="I54" s="1" t="s">
        <v>25</v>
      </c>
    </row>
    <row r="55" spans="1:9" ht="28.9" customHeight="1" x14ac:dyDescent="0.15">
      <c r="A55" s="5">
        <f t="shared" si="0"/>
        <v>54</v>
      </c>
      <c r="B55" s="5">
        <v>2</v>
      </c>
      <c r="C55" s="7">
        <v>44670</v>
      </c>
      <c r="D55" s="5" t="s">
        <v>108</v>
      </c>
      <c r="E55" s="5" t="s">
        <v>148</v>
      </c>
      <c r="F55" s="2">
        <v>1</v>
      </c>
      <c r="G55" s="2">
        <v>1</v>
      </c>
      <c r="H55" s="2">
        <v>3</v>
      </c>
      <c r="I55" s="3" t="s">
        <v>25</v>
      </c>
    </row>
    <row r="56" spans="1:9" ht="28.9" customHeight="1" x14ac:dyDescent="0.15">
      <c r="A56" s="5">
        <f t="shared" si="0"/>
        <v>55</v>
      </c>
      <c r="B56" s="5">
        <v>2</v>
      </c>
      <c r="C56" s="7">
        <v>44670</v>
      </c>
      <c r="D56" s="5" t="s">
        <v>109</v>
      </c>
      <c r="E56" s="5" t="s">
        <v>147</v>
      </c>
      <c r="F56" s="2">
        <v>1</v>
      </c>
      <c r="G56" s="2">
        <v>1</v>
      </c>
      <c r="H56" s="2">
        <v>1</v>
      </c>
      <c r="I56" s="1" t="s">
        <v>25</v>
      </c>
    </row>
    <row r="57" spans="1:9" ht="28.9" customHeight="1" x14ac:dyDescent="0.15">
      <c r="A57" s="5">
        <f t="shared" si="0"/>
        <v>56</v>
      </c>
      <c r="B57" s="5">
        <v>2</v>
      </c>
      <c r="C57" s="7">
        <v>44670</v>
      </c>
      <c r="D57" s="5" t="s">
        <v>110</v>
      </c>
      <c r="E57" s="5" t="s">
        <v>113</v>
      </c>
      <c r="F57" s="2">
        <v>1</v>
      </c>
      <c r="G57" s="2">
        <v>1</v>
      </c>
      <c r="H57" s="2">
        <v>1</v>
      </c>
      <c r="I57" s="1" t="s">
        <v>25</v>
      </c>
    </row>
    <row r="58" spans="1:9" ht="28.9" customHeight="1" x14ac:dyDescent="0.15">
      <c r="A58" s="5">
        <f t="shared" si="0"/>
        <v>57</v>
      </c>
      <c r="B58" s="5">
        <v>1</v>
      </c>
      <c r="C58" s="7">
        <v>44670</v>
      </c>
      <c r="D58" s="5" t="s">
        <v>111</v>
      </c>
      <c r="E58" s="5" t="s">
        <v>114</v>
      </c>
      <c r="F58" s="2">
        <v>1</v>
      </c>
      <c r="G58" s="2">
        <v>1</v>
      </c>
      <c r="H58" s="2">
        <v>1</v>
      </c>
      <c r="I58" s="1" t="s">
        <v>25</v>
      </c>
    </row>
    <row r="59" spans="1:9" ht="28.9" customHeight="1" x14ac:dyDescent="0.15">
      <c r="A59" s="5">
        <f t="shared" si="0"/>
        <v>58</v>
      </c>
      <c r="B59" s="5">
        <v>4</v>
      </c>
      <c r="C59" s="7">
        <v>44670</v>
      </c>
      <c r="D59" s="5" t="s">
        <v>115</v>
      </c>
      <c r="E59" s="5" t="s">
        <v>119</v>
      </c>
      <c r="F59" s="2">
        <v>1</v>
      </c>
      <c r="G59" s="2">
        <v>1</v>
      </c>
      <c r="H59" s="2">
        <v>1</v>
      </c>
      <c r="I59" s="1" t="s">
        <v>25</v>
      </c>
    </row>
    <row r="60" spans="1:9" ht="28.9" customHeight="1" x14ac:dyDescent="0.15">
      <c r="A60" s="5">
        <f t="shared" si="0"/>
        <v>59</v>
      </c>
      <c r="B60" s="5">
        <v>18</v>
      </c>
      <c r="C60" s="7">
        <v>44810</v>
      </c>
      <c r="D60" s="5" t="s">
        <v>120</v>
      </c>
      <c r="E60" s="5" t="s">
        <v>122</v>
      </c>
      <c r="F60" s="2">
        <v>1</v>
      </c>
      <c r="G60" s="2">
        <v>1</v>
      </c>
      <c r="H60" s="2">
        <v>1</v>
      </c>
      <c r="I60" s="1" t="s">
        <v>25</v>
      </c>
    </row>
    <row r="61" spans="1:9" ht="28.9" customHeight="1" x14ac:dyDescent="0.15">
      <c r="A61" s="5">
        <f t="shared" si="0"/>
        <v>60</v>
      </c>
      <c r="B61" s="5">
        <v>5</v>
      </c>
      <c r="C61" s="7">
        <v>44810</v>
      </c>
      <c r="D61" s="5" t="s">
        <v>121</v>
      </c>
      <c r="E61" s="5" t="s">
        <v>123</v>
      </c>
      <c r="F61" s="2">
        <v>1</v>
      </c>
      <c r="G61" s="2">
        <v>1</v>
      </c>
      <c r="H61" s="2">
        <v>1</v>
      </c>
      <c r="I61" s="1" t="s">
        <v>25</v>
      </c>
    </row>
    <row r="62" spans="1:9" ht="28.9" customHeight="1" x14ac:dyDescent="0.15">
      <c r="A62" s="5">
        <f t="shared" si="0"/>
        <v>61</v>
      </c>
      <c r="B62" s="5">
        <v>1</v>
      </c>
      <c r="C62" s="7">
        <v>44957</v>
      </c>
      <c r="D62" s="5" t="s">
        <v>125</v>
      </c>
      <c r="E62" s="5" t="s">
        <v>126</v>
      </c>
      <c r="F62" s="2">
        <v>1</v>
      </c>
      <c r="G62" s="2">
        <v>1</v>
      </c>
      <c r="H62" s="2">
        <v>1</v>
      </c>
      <c r="I62" s="1" t="s">
        <v>25</v>
      </c>
    </row>
    <row r="63" spans="1:9" ht="28.9" customHeight="1" x14ac:dyDescent="0.15">
      <c r="A63" s="5">
        <f t="shared" si="0"/>
        <v>62</v>
      </c>
      <c r="B63" s="5">
        <v>8</v>
      </c>
      <c r="C63" s="7">
        <v>45001</v>
      </c>
      <c r="D63" s="5" t="s">
        <v>127</v>
      </c>
      <c r="E63" s="5" t="s">
        <v>128</v>
      </c>
      <c r="F63" s="2">
        <v>1</v>
      </c>
      <c r="G63" s="2">
        <v>1</v>
      </c>
      <c r="H63" s="2">
        <v>1</v>
      </c>
      <c r="I63" s="1" t="s">
        <v>25</v>
      </c>
    </row>
    <row r="64" spans="1:9" ht="28.9" customHeight="1" x14ac:dyDescent="0.15">
      <c r="A64" s="5">
        <f t="shared" si="0"/>
        <v>63</v>
      </c>
      <c r="B64" s="5">
        <v>9</v>
      </c>
      <c r="C64" s="7">
        <v>45023</v>
      </c>
      <c r="D64" s="5" t="s">
        <v>124</v>
      </c>
      <c r="E64" s="5" t="s">
        <v>146</v>
      </c>
      <c r="F64" s="2">
        <v>1</v>
      </c>
      <c r="G64" s="2">
        <v>1</v>
      </c>
      <c r="H64" s="2">
        <v>1</v>
      </c>
      <c r="I64" s="1" t="s">
        <v>25</v>
      </c>
    </row>
    <row r="65" spans="1:9" ht="28.9" customHeight="1" x14ac:dyDescent="0.15">
      <c r="A65" s="5">
        <f t="shared" si="0"/>
        <v>64</v>
      </c>
      <c r="B65" s="5">
        <v>3</v>
      </c>
      <c r="C65" s="7">
        <v>45029</v>
      </c>
      <c r="D65" s="5" t="s">
        <v>129</v>
      </c>
      <c r="E65" s="5" t="s">
        <v>133</v>
      </c>
      <c r="F65" s="2">
        <v>1</v>
      </c>
      <c r="G65" s="2">
        <v>1</v>
      </c>
      <c r="H65" s="2">
        <v>1</v>
      </c>
      <c r="I65" s="1" t="s">
        <v>25</v>
      </c>
    </row>
    <row r="66" spans="1:9" ht="28.9" customHeight="1" x14ac:dyDescent="0.15">
      <c r="A66" s="5">
        <f t="shared" si="0"/>
        <v>65</v>
      </c>
      <c r="B66" s="5">
        <v>2</v>
      </c>
      <c r="C66" s="7">
        <v>45029</v>
      </c>
      <c r="D66" s="5" t="s">
        <v>130</v>
      </c>
      <c r="E66" s="5" t="s">
        <v>134</v>
      </c>
      <c r="F66" s="2">
        <v>1</v>
      </c>
      <c r="G66" s="2">
        <v>1</v>
      </c>
      <c r="H66" s="2">
        <v>1</v>
      </c>
      <c r="I66" s="1" t="s">
        <v>25</v>
      </c>
    </row>
    <row r="67" spans="1:9" ht="28.9" customHeight="1" x14ac:dyDescent="0.15">
      <c r="A67" s="5">
        <f t="shared" si="0"/>
        <v>66</v>
      </c>
      <c r="B67" s="5">
        <v>2</v>
      </c>
      <c r="C67" s="7">
        <v>45029</v>
      </c>
      <c r="D67" s="5" t="s">
        <v>131</v>
      </c>
      <c r="E67" s="5" t="s">
        <v>135</v>
      </c>
      <c r="F67" s="2">
        <v>1</v>
      </c>
      <c r="G67" s="2">
        <v>1</v>
      </c>
      <c r="H67" s="2">
        <v>1</v>
      </c>
      <c r="I67" s="1" t="s">
        <v>25</v>
      </c>
    </row>
    <row r="68" spans="1:9" ht="28.9" customHeight="1" x14ac:dyDescent="0.15">
      <c r="A68" s="5">
        <f t="shared" si="0"/>
        <v>67</v>
      </c>
      <c r="B68" s="5">
        <v>8</v>
      </c>
      <c r="C68" s="7">
        <v>45029</v>
      </c>
      <c r="D68" s="5" t="s">
        <v>132</v>
      </c>
      <c r="E68" s="5" t="s">
        <v>136</v>
      </c>
      <c r="F68" s="2">
        <v>1</v>
      </c>
      <c r="G68" s="2">
        <v>1</v>
      </c>
      <c r="H68" s="2">
        <v>1</v>
      </c>
      <c r="I68" s="1" t="s">
        <v>25</v>
      </c>
    </row>
    <row r="69" spans="1:9" ht="28.9" customHeight="1" x14ac:dyDescent="0.15">
      <c r="A69" s="5">
        <v>68</v>
      </c>
      <c r="B69" s="2">
        <v>18</v>
      </c>
      <c r="C69" s="9">
        <v>45016</v>
      </c>
      <c r="D69" s="2" t="s">
        <v>137</v>
      </c>
      <c r="E69" s="2" t="s">
        <v>138</v>
      </c>
      <c r="F69" s="2">
        <v>1</v>
      </c>
      <c r="G69" s="2">
        <v>1</v>
      </c>
      <c r="H69" s="2">
        <v>1</v>
      </c>
      <c r="I69" s="1" t="s">
        <v>25</v>
      </c>
    </row>
    <row r="70" spans="1:9" ht="28.9" customHeight="1" x14ac:dyDescent="0.15">
      <c r="A70" s="5">
        <v>69</v>
      </c>
      <c r="B70" s="2">
        <v>5</v>
      </c>
      <c r="C70" s="9">
        <v>45135</v>
      </c>
      <c r="D70" s="2" t="s">
        <v>139</v>
      </c>
      <c r="E70" s="2" t="s">
        <v>140</v>
      </c>
      <c r="F70" s="2">
        <v>9</v>
      </c>
      <c r="G70" s="2">
        <v>9</v>
      </c>
      <c r="H70" s="2">
        <v>1</v>
      </c>
      <c r="I70" s="1" t="s">
        <v>25</v>
      </c>
    </row>
    <row r="71" spans="1:9" ht="28.5" x14ac:dyDescent="0.15">
      <c r="A71" s="5">
        <v>70</v>
      </c>
      <c r="B71" s="2">
        <v>8</v>
      </c>
      <c r="C71" s="9">
        <v>45134</v>
      </c>
      <c r="D71" s="2" t="s">
        <v>141</v>
      </c>
      <c r="E71" s="2" t="s">
        <v>145</v>
      </c>
      <c r="F71" s="2">
        <v>9</v>
      </c>
      <c r="G71" s="2">
        <v>9</v>
      </c>
      <c r="H71" s="2">
        <v>1</v>
      </c>
      <c r="I71" s="1" t="s">
        <v>25</v>
      </c>
    </row>
    <row r="72" spans="1:9" ht="28.5" x14ac:dyDescent="0.15">
      <c r="A72" s="5">
        <v>71</v>
      </c>
      <c r="B72" s="2">
        <v>5</v>
      </c>
      <c r="C72" s="9">
        <v>45230</v>
      </c>
      <c r="D72" s="2" t="s">
        <v>142</v>
      </c>
      <c r="E72" s="2" t="s">
        <v>144</v>
      </c>
      <c r="F72" s="2">
        <v>9</v>
      </c>
      <c r="G72" s="2">
        <v>9</v>
      </c>
      <c r="H72" s="2">
        <v>1</v>
      </c>
      <c r="I72" s="1" t="s">
        <v>25</v>
      </c>
    </row>
    <row r="73" spans="1:9" ht="28.5" x14ac:dyDescent="0.15">
      <c r="A73" s="5">
        <v>72</v>
      </c>
      <c r="B73" s="2">
        <v>5</v>
      </c>
      <c r="C73" s="9">
        <v>45230</v>
      </c>
      <c r="D73" s="2" t="s">
        <v>143</v>
      </c>
      <c r="E73" s="2" t="s">
        <v>144</v>
      </c>
      <c r="F73" s="2">
        <v>9</v>
      </c>
      <c r="G73" s="2">
        <v>9</v>
      </c>
      <c r="H73" s="2">
        <v>1</v>
      </c>
      <c r="I73" s="1" t="s">
        <v>25</v>
      </c>
    </row>
    <row r="74" spans="1:9" ht="28.5" x14ac:dyDescent="0.15">
      <c r="A74" s="5">
        <v>73</v>
      </c>
      <c r="B74" s="2">
        <v>4</v>
      </c>
      <c r="C74" s="9">
        <v>45244</v>
      </c>
      <c r="D74" s="2" t="s">
        <v>154</v>
      </c>
      <c r="E74" s="2" t="s">
        <v>155</v>
      </c>
      <c r="F74" s="2">
        <v>1</v>
      </c>
      <c r="G74" s="2">
        <v>1</v>
      </c>
      <c r="H74" s="2">
        <v>1</v>
      </c>
      <c r="I74" s="1" t="s">
        <v>25</v>
      </c>
    </row>
    <row r="75" spans="1:9" ht="28.5" x14ac:dyDescent="0.15">
      <c r="A75" s="5">
        <v>74</v>
      </c>
      <c r="B75" s="2">
        <v>13</v>
      </c>
      <c r="C75" s="9">
        <v>45245</v>
      </c>
      <c r="D75" s="2" t="s">
        <v>156</v>
      </c>
      <c r="E75" s="2" t="s">
        <v>157</v>
      </c>
      <c r="F75" s="2">
        <v>1</v>
      </c>
      <c r="G75" s="2">
        <v>1</v>
      </c>
      <c r="H75" s="2">
        <v>1</v>
      </c>
      <c r="I75" s="1" t="s">
        <v>25</v>
      </c>
    </row>
  </sheetData>
  <phoneticPr fontId="1"/>
  <pageMargins left="0.7" right="0.7" top="0.75" bottom="0.75" header="0.3" footer="0.3"/>
  <pageSetup paperSize="8" scale="54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Sheet1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神奈川県地域福祉課　岩田</cp:lastModifiedBy>
  <cp:lastPrinted>2023-12-13T00:49:37Z</cp:lastPrinted>
  <dcterms:created xsi:type="dcterms:W3CDTF">2021-02-18T12:31:59Z</dcterms:created>
  <dcterms:modified xsi:type="dcterms:W3CDTF">2023-12-13T01:02:08Z</dcterms:modified>
</cp:coreProperties>
</file>